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3801"/>
  <workbookPr updateLinks="never" hidePivotFieldList="1" defaultThemeVersion="124226"/>
  <mc:AlternateContent xmlns:mc="http://schemas.openxmlformats.org/markup-compatibility/2006">
    <mc:Choice Requires="x15">
      <x15ac:absPath xmlns:x15ac="http://schemas.microsoft.com/office/spreadsheetml/2010/11/ac" url="C:\Users\s603019631\Desktop\リネーム済み_リンクデータ\第1ターム\"/>
    </mc:Choice>
  </mc:AlternateContent>
  <xr:revisionPtr revIDLastSave="0" documentId="13_ncr:1_{DAC91191-104A-4B8E-B3E6-FF0D4281A4E9}" xr6:coauthVersionLast="46" xr6:coauthVersionMax="46" xr10:uidLastSave="{00000000-0000-0000-0000-000000000000}"/>
  <bookViews>
    <workbookView xWindow="2340" yWindow="-13620" windowWidth="24240" windowHeight="13140" tabRatio="827" xr2:uid="{00000000-000D-0000-FFFF-FFFF00000000}"/>
  </bookViews>
  <sheets>
    <sheet name="実習部署一覧【概要版 第1ターム】" sheetId="6"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s>
  <definedNames>
    <definedName name="_xlnm._FilterDatabase" localSheetId="0" hidden="1">'実習部署一覧【概要版 第1ターム】'!$A$2:$J$143</definedName>
    <definedName name="_xlnm.Print_Area" localSheetId="0">'実習部署一覧【概要版 第1ターム】'!$A$1:$J$143</definedName>
    <definedName name="_xlnm.Print_Titles" localSheetId="0">'実習部署一覧【概要版 第1ターム】'!$1:$1</definedName>
  </definedNames>
  <calcPr calcId="162913"/>
</workbook>
</file>

<file path=xl/sharedStrings.xml><?xml version="1.0" encoding="utf-8"?>
<sst xmlns="http://schemas.openxmlformats.org/spreadsheetml/2006/main" count="688" uniqueCount="348">
  <si>
    <t>ポスト№</t>
  </si>
  <si>
    <t>局名</t>
    <rPh sb="0" eb="1">
      <t>キョク</t>
    </rPh>
    <rPh sb="1" eb="2">
      <t>メイ</t>
    </rPh>
    <phoneticPr fontId="3"/>
  </si>
  <si>
    <t>実習部署名</t>
    <rPh sb="0" eb="2">
      <t>ジッシュウ</t>
    </rPh>
    <rPh sb="2" eb="4">
      <t>ブショ</t>
    </rPh>
    <rPh sb="4" eb="5">
      <t>メイ</t>
    </rPh>
    <phoneticPr fontId="3"/>
  </si>
  <si>
    <t>文理</t>
    <rPh sb="0" eb="2">
      <t>ブンリ</t>
    </rPh>
    <phoneticPr fontId="3"/>
  </si>
  <si>
    <t>職種</t>
    <rPh sb="0" eb="2">
      <t>ショクシュ</t>
    </rPh>
    <phoneticPr fontId="3"/>
  </si>
  <si>
    <t>人数</t>
    <rPh sb="0" eb="2">
      <t>ニンズウ</t>
    </rPh>
    <phoneticPr fontId="3"/>
  </si>
  <si>
    <t>日数</t>
    <rPh sb="0" eb="2">
      <t>ニッスウ</t>
    </rPh>
    <phoneticPr fontId="3"/>
  </si>
  <si>
    <t>開始日</t>
    <rPh sb="0" eb="3">
      <t>カイシビ</t>
    </rPh>
    <phoneticPr fontId="4"/>
  </si>
  <si>
    <t>終了日</t>
    <rPh sb="0" eb="2">
      <t>シュウリョウ</t>
    </rPh>
    <rPh sb="2" eb="3">
      <t>ビ</t>
    </rPh>
    <phoneticPr fontId="4"/>
  </si>
  <si>
    <t>実習の概要（予定）</t>
    <rPh sb="0" eb="2">
      <t>ジッシュウ</t>
    </rPh>
    <rPh sb="3" eb="5">
      <t>ガイヨウ</t>
    </rPh>
    <rPh sb="6" eb="8">
      <t>ヨテイ</t>
    </rPh>
    <phoneticPr fontId="3"/>
  </si>
  <si>
    <t>都庁インターンシップ2023実習部署一覧 【概要版:第1ターム】</t>
    <rPh sb="0" eb="1">
      <t>ト</t>
    </rPh>
    <rPh sb="1" eb="2">
      <t>チョウ</t>
    </rPh>
    <rPh sb="18" eb="20">
      <t>イチラン</t>
    </rPh>
    <rPh sb="22" eb="24">
      <t>ガイヨウ</t>
    </rPh>
    <rPh sb="24" eb="25">
      <t>バン</t>
    </rPh>
    <rPh sb="26" eb="27">
      <t>ダイ</t>
    </rPh>
    <phoneticPr fontId="3"/>
  </si>
  <si>
    <t>福祉保健局</t>
    <rPh sb="0" eb="2">
      <t>フクシ</t>
    </rPh>
    <rPh sb="2" eb="4">
      <t>ホケン</t>
    </rPh>
    <rPh sb="4" eb="5">
      <t>キョク</t>
    </rPh>
    <phoneticPr fontId="4"/>
  </si>
  <si>
    <t>北児童相談所 心理指導担当</t>
    <rPh sb="0" eb="1">
      <t>キタ</t>
    </rPh>
    <rPh sb="1" eb="3">
      <t>ジドウ</t>
    </rPh>
    <rPh sb="3" eb="5">
      <t>ソウダン</t>
    </rPh>
    <rPh sb="5" eb="6">
      <t>ショ</t>
    </rPh>
    <rPh sb="7" eb="9">
      <t>シンリ</t>
    </rPh>
    <rPh sb="9" eb="11">
      <t>シドウ</t>
    </rPh>
    <rPh sb="11" eb="13">
      <t>タントウ</t>
    </rPh>
    <phoneticPr fontId="4"/>
  </si>
  <si>
    <t>杉並児童相談所 心理指導担当</t>
    <rPh sb="0" eb="2">
      <t>スギナミ</t>
    </rPh>
    <rPh sb="2" eb="4">
      <t>ジドウ</t>
    </rPh>
    <rPh sb="4" eb="6">
      <t>ソウダン</t>
    </rPh>
    <rPh sb="6" eb="7">
      <t>ジョ</t>
    </rPh>
    <rPh sb="8" eb="10">
      <t>シンリ</t>
    </rPh>
    <rPh sb="10" eb="12">
      <t>シドウ</t>
    </rPh>
    <rPh sb="12" eb="14">
      <t>タントウ</t>
    </rPh>
    <phoneticPr fontId="4"/>
  </si>
  <si>
    <t>立川児童相談所 保護課 保護担当</t>
    <rPh sb="0" eb="2">
      <t>タチカワ</t>
    </rPh>
    <rPh sb="2" eb="4">
      <t>ジドウ</t>
    </rPh>
    <rPh sb="4" eb="6">
      <t>ソウダン</t>
    </rPh>
    <rPh sb="6" eb="7">
      <t>ジョ</t>
    </rPh>
    <rPh sb="8" eb="10">
      <t>ホゴ</t>
    </rPh>
    <rPh sb="10" eb="11">
      <t>カ</t>
    </rPh>
    <rPh sb="12" eb="14">
      <t>ホゴ</t>
    </rPh>
    <rPh sb="14" eb="16">
      <t>タントウ</t>
    </rPh>
    <phoneticPr fontId="4"/>
  </si>
  <si>
    <t>保健政策部 保健政策課 保健指導調整担当</t>
    <rPh sb="0" eb="2">
      <t>ホケン</t>
    </rPh>
    <rPh sb="2" eb="4">
      <t>セイサク</t>
    </rPh>
    <rPh sb="4" eb="5">
      <t>ブ</t>
    </rPh>
    <rPh sb="6" eb="8">
      <t>ホケン</t>
    </rPh>
    <rPh sb="8" eb="10">
      <t>セイサク</t>
    </rPh>
    <rPh sb="10" eb="11">
      <t>カ</t>
    </rPh>
    <rPh sb="12" eb="14">
      <t>ホケン</t>
    </rPh>
    <rPh sb="14" eb="16">
      <t>シドウ</t>
    </rPh>
    <rPh sb="16" eb="18">
      <t>チョウセイ</t>
    </rPh>
    <rPh sb="18" eb="20">
      <t>タントウ</t>
    </rPh>
    <phoneticPr fontId="4"/>
  </si>
  <si>
    <t>児童相談センター保護第一課 第二担当</t>
    <rPh sb="0" eb="2">
      <t>ジドウ</t>
    </rPh>
    <rPh sb="2" eb="4">
      <t>ソウダン</t>
    </rPh>
    <rPh sb="8" eb="10">
      <t>ホゴ</t>
    </rPh>
    <rPh sb="10" eb="11">
      <t>ダイ</t>
    </rPh>
    <rPh sb="11" eb="13">
      <t>イッカ</t>
    </rPh>
    <rPh sb="14" eb="16">
      <t>ダイニ</t>
    </rPh>
    <rPh sb="16" eb="18">
      <t>タントウ</t>
    </rPh>
    <phoneticPr fontId="4"/>
  </si>
  <si>
    <t>八王子児童相談所 保護課 保護担当</t>
    <rPh sb="0" eb="3">
      <t>ハチオウジ</t>
    </rPh>
    <rPh sb="3" eb="8">
      <t>ジソウ</t>
    </rPh>
    <rPh sb="9" eb="11">
      <t>ホゴ</t>
    </rPh>
    <rPh sb="11" eb="12">
      <t>カ</t>
    </rPh>
    <rPh sb="13" eb="15">
      <t>ホゴ</t>
    </rPh>
    <rPh sb="15" eb="17">
      <t>タントウ</t>
    </rPh>
    <phoneticPr fontId="4"/>
  </si>
  <si>
    <t>立川児童相談所 相談援助課 心理指導担当</t>
    <rPh sb="0" eb="2">
      <t>タチカワ</t>
    </rPh>
    <rPh sb="2" eb="4">
      <t>ジドウ</t>
    </rPh>
    <rPh sb="4" eb="7">
      <t>ソウダンショ</t>
    </rPh>
    <rPh sb="8" eb="10">
      <t>ソウダン</t>
    </rPh>
    <rPh sb="10" eb="12">
      <t>エンジョ</t>
    </rPh>
    <rPh sb="12" eb="13">
      <t>カ</t>
    </rPh>
    <rPh sb="14" eb="16">
      <t>シンリ</t>
    </rPh>
    <rPh sb="16" eb="18">
      <t>シドウ</t>
    </rPh>
    <rPh sb="18" eb="20">
      <t>タントウ</t>
    </rPh>
    <phoneticPr fontId="4"/>
  </si>
  <si>
    <t>誠明学園自立支援課 生活担当</t>
    <rPh sb="0" eb="2">
      <t>セイメイ</t>
    </rPh>
    <rPh sb="2" eb="4">
      <t>ガクエン</t>
    </rPh>
    <rPh sb="4" eb="6">
      <t>ジリツ</t>
    </rPh>
    <rPh sb="6" eb="8">
      <t>シエン</t>
    </rPh>
    <rPh sb="8" eb="9">
      <t>カ</t>
    </rPh>
    <rPh sb="10" eb="12">
      <t>セイカツ</t>
    </rPh>
    <rPh sb="12" eb="14">
      <t>タントウ</t>
    </rPh>
    <phoneticPr fontId="3"/>
  </si>
  <si>
    <t>心身障害者福祉センター
障害認定課 知的障害担当</t>
    <rPh sb="0" eb="2">
      <t>シンシン</t>
    </rPh>
    <rPh sb="2" eb="5">
      <t>ショウガイシャ</t>
    </rPh>
    <rPh sb="5" eb="7">
      <t>フクシ</t>
    </rPh>
    <rPh sb="12" eb="14">
      <t>ショウガイ</t>
    </rPh>
    <rPh sb="14" eb="16">
      <t>ニンテイ</t>
    </rPh>
    <rPh sb="16" eb="17">
      <t>カ</t>
    </rPh>
    <rPh sb="18" eb="20">
      <t>チテキ</t>
    </rPh>
    <rPh sb="20" eb="22">
      <t>ショウガイ</t>
    </rPh>
    <rPh sb="22" eb="24">
      <t>タントウ</t>
    </rPh>
    <phoneticPr fontId="4"/>
  </si>
  <si>
    <t>北療育医療センター 栄養科</t>
    <rPh sb="0" eb="5">
      <t>キタリョウイクイリョウ</t>
    </rPh>
    <rPh sb="10" eb="13">
      <t>エイヨウカ</t>
    </rPh>
    <phoneticPr fontId="4"/>
  </si>
  <si>
    <t>北療育医療センター 指導科・通園科</t>
    <rPh sb="0" eb="1">
      <t>キタ</t>
    </rPh>
    <rPh sb="1" eb="3">
      <t>リョウイク</t>
    </rPh>
    <rPh sb="3" eb="5">
      <t>イリョウ</t>
    </rPh>
    <rPh sb="10" eb="13">
      <t>シドウカ</t>
    </rPh>
    <rPh sb="14" eb="16">
      <t>ツウエン</t>
    </rPh>
    <rPh sb="16" eb="17">
      <t>カ</t>
    </rPh>
    <phoneticPr fontId="4"/>
  </si>
  <si>
    <t>北療育医療センター 指導科</t>
    <rPh sb="0" eb="1">
      <t>キタ</t>
    </rPh>
    <rPh sb="1" eb="3">
      <t>リョウイク</t>
    </rPh>
    <rPh sb="3" eb="5">
      <t>イリョウ</t>
    </rPh>
    <rPh sb="10" eb="13">
      <t>シドウカ</t>
    </rPh>
    <phoneticPr fontId="4"/>
  </si>
  <si>
    <t>北療育医療センター 城南分園 通所担当 通園担当</t>
    <rPh sb="0" eb="1">
      <t>キタ</t>
    </rPh>
    <rPh sb="1" eb="3">
      <t>リョウイク</t>
    </rPh>
    <rPh sb="3" eb="5">
      <t>イリョウ</t>
    </rPh>
    <rPh sb="10" eb="14">
      <t>ジョウナンブンエン</t>
    </rPh>
    <rPh sb="15" eb="17">
      <t>ツウショ</t>
    </rPh>
    <rPh sb="17" eb="19">
      <t>タントウ</t>
    </rPh>
    <rPh sb="20" eb="22">
      <t>ツウエン</t>
    </rPh>
    <rPh sb="22" eb="24">
      <t>タントウ</t>
    </rPh>
    <phoneticPr fontId="4"/>
  </si>
  <si>
    <t>府中療育センター 薬剤科</t>
    <rPh sb="0" eb="4">
      <t>フチュウリョウイク</t>
    </rPh>
    <rPh sb="9" eb="11">
      <t>ヤクザイ</t>
    </rPh>
    <rPh sb="11" eb="12">
      <t>カ</t>
    </rPh>
    <phoneticPr fontId="3"/>
  </si>
  <si>
    <t>府中療育センター 看護科</t>
    <rPh sb="0" eb="2">
      <t>フチュウ</t>
    </rPh>
    <rPh sb="2" eb="4">
      <t>リョウイク</t>
    </rPh>
    <rPh sb="9" eb="11">
      <t>カンゴ</t>
    </rPh>
    <rPh sb="11" eb="12">
      <t>カ</t>
    </rPh>
    <phoneticPr fontId="4"/>
  </si>
  <si>
    <t>府中療育センター リハビリテーション科</t>
    <rPh sb="0" eb="4">
      <t>フチュウリョウイク</t>
    </rPh>
    <rPh sb="18" eb="19">
      <t>カ</t>
    </rPh>
    <phoneticPr fontId="4"/>
  </si>
  <si>
    <t>健康安全部 食品監視課/
環境保健衛生課</t>
    <phoneticPr fontId="4"/>
  </si>
  <si>
    <t>健康安全部 薬務課 薬務担当</t>
    <phoneticPr fontId="4"/>
  </si>
  <si>
    <t>健康安全研究センター 微生物部 食品微生物研究科/病原細菌研究科/ウイルス研究科</t>
    <phoneticPr fontId="4"/>
  </si>
  <si>
    <t>健康安全研究センター 薬事環境科学部医薬品研究科/環境衛生研究科/生体影響研究科</t>
    <phoneticPr fontId="4"/>
  </si>
  <si>
    <t>理系</t>
    <rPh sb="0" eb="2">
      <t>リケイ</t>
    </rPh>
    <phoneticPr fontId="3"/>
  </si>
  <si>
    <t>文系</t>
    <rPh sb="0" eb="2">
      <t>ブンケイ</t>
    </rPh>
    <phoneticPr fontId="3"/>
  </si>
  <si>
    <t>不問</t>
    <rPh sb="0" eb="2">
      <t>フモン</t>
    </rPh>
    <phoneticPr fontId="3"/>
  </si>
  <si>
    <t>理系</t>
  </si>
  <si>
    <t>保健師</t>
    <rPh sb="0" eb="2">
      <t>ホケン</t>
    </rPh>
    <rPh sb="2" eb="3">
      <t>シ</t>
    </rPh>
    <phoneticPr fontId="4"/>
  </si>
  <si>
    <t>福祉</t>
    <rPh sb="0" eb="2">
      <t>フクシ</t>
    </rPh>
    <phoneticPr fontId="4"/>
  </si>
  <si>
    <t>心理</t>
    <rPh sb="0" eb="2">
      <t>シンリ</t>
    </rPh>
    <phoneticPr fontId="4"/>
  </si>
  <si>
    <t>福祉</t>
    <rPh sb="0" eb="2">
      <t>フクシ</t>
    </rPh>
    <phoneticPr fontId="3"/>
  </si>
  <si>
    <t>栄養士</t>
    <rPh sb="0" eb="3">
      <t>エイヨウシ</t>
    </rPh>
    <phoneticPr fontId="4"/>
  </si>
  <si>
    <t>薬剤A</t>
    <rPh sb="0" eb="2">
      <t>ヤクザイ</t>
    </rPh>
    <phoneticPr fontId="4"/>
  </si>
  <si>
    <t>看護師</t>
    <rPh sb="0" eb="2">
      <t>カンゴ</t>
    </rPh>
    <rPh sb="2" eb="3">
      <t>シ</t>
    </rPh>
    <phoneticPr fontId="4"/>
  </si>
  <si>
    <t>理学療法</t>
    <rPh sb="0" eb="2">
      <t>リガク</t>
    </rPh>
    <rPh sb="2" eb="4">
      <t>リョウホウ</t>
    </rPh>
    <phoneticPr fontId="4"/>
  </si>
  <si>
    <t>作業療法</t>
    <rPh sb="0" eb="2">
      <t>サギョウ</t>
    </rPh>
    <rPh sb="2" eb="4">
      <t>リョウホウ</t>
    </rPh>
    <phoneticPr fontId="4"/>
  </si>
  <si>
    <t>言語聴覚療法</t>
    <rPh sb="0" eb="2">
      <t>ゲンゴ</t>
    </rPh>
    <rPh sb="2" eb="4">
      <t>チョウカク</t>
    </rPh>
    <rPh sb="4" eb="6">
      <t>リョウホウ</t>
    </rPh>
    <phoneticPr fontId="4"/>
  </si>
  <si>
    <t>獣医</t>
  </si>
  <si>
    <t>衛生監視</t>
  </si>
  <si>
    <t>薬剤Ｂ</t>
  </si>
  <si>
    <t>薬剤Ｂ
衛生監視
環境検査
獣医</t>
  </si>
  <si>
    <t>薬剤Ｂ
衛生監視
環境検査
獣医</t>
    <rPh sb="9" eb="11">
      <t>カンキョウ</t>
    </rPh>
    <rPh sb="11" eb="13">
      <t>ケンサ</t>
    </rPh>
    <phoneticPr fontId="4"/>
  </si>
  <si>
    <t>福祉
又は
看護師</t>
    <rPh sb="0" eb="2">
      <t>フクシ</t>
    </rPh>
    <rPh sb="3" eb="4">
      <t>マタ</t>
    </rPh>
    <rPh sb="6" eb="9">
      <t>カンゴシ</t>
    </rPh>
    <phoneticPr fontId="4"/>
  </si>
  <si>
    <t>保健師活動全般</t>
    <rPh sb="0" eb="2">
      <t>ホケン</t>
    </rPh>
    <rPh sb="2" eb="3">
      <t>シ</t>
    </rPh>
    <rPh sb="3" eb="5">
      <t>カツドウ</t>
    </rPh>
    <rPh sb="5" eb="7">
      <t>ゼンパン</t>
    </rPh>
    <phoneticPr fontId="4"/>
  </si>
  <si>
    <t>一時保護中の子供の生活支援</t>
    <phoneticPr fontId="4"/>
  </si>
  <si>
    <t>一時保護中の子供の生活支援、学習指導等の補助</t>
    <phoneticPr fontId="4"/>
  </si>
  <si>
    <t>一時保護中の子供の生活支援、学習指導・運動等の補助</t>
    <rPh sb="0" eb="2">
      <t>イチジ</t>
    </rPh>
    <rPh sb="2" eb="5">
      <t>ホゴチュウ</t>
    </rPh>
    <rPh sb="6" eb="8">
      <t>コドモ</t>
    </rPh>
    <rPh sb="9" eb="11">
      <t>セイカツ</t>
    </rPh>
    <rPh sb="11" eb="13">
      <t>シエン</t>
    </rPh>
    <rPh sb="14" eb="16">
      <t>ガクシュウ</t>
    </rPh>
    <rPh sb="16" eb="18">
      <t>シドウ</t>
    </rPh>
    <rPh sb="19" eb="21">
      <t>ウンドウ</t>
    </rPh>
    <rPh sb="21" eb="22">
      <t>トウ</t>
    </rPh>
    <rPh sb="23" eb="25">
      <t>ホジョ</t>
    </rPh>
    <phoneticPr fontId="4"/>
  </si>
  <si>
    <t>児童相談所における児童心理司の補助</t>
    <rPh sb="0" eb="2">
      <t>ジドウ</t>
    </rPh>
    <rPh sb="2" eb="4">
      <t>ソウダン</t>
    </rPh>
    <rPh sb="4" eb="5">
      <t>ショ</t>
    </rPh>
    <rPh sb="9" eb="11">
      <t>ジドウ</t>
    </rPh>
    <rPh sb="11" eb="13">
      <t>シンリ</t>
    </rPh>
    <rPh sb="13" eb="14">
      <t>シ</t>
    </rPh>
    <rPh sb="15" eb="17">
      <t>ホジョ</t>
    </rPh>
    <phoneticPr fontId="4"/>
  </si>
  <si>
    <t>児童相談所における児童心理司の補助
グループ指導（ＣＡＲＥ）補助、療育手帳判定業務見学など</t>
    <rPh sb="0" eb="2">
      <t>ジドウ</t>
    </rPh>
    <rPh sb="2" eb="5">
      <t>ソウダンショ</t>
    </rPh>
    <rPh sb="9" eb="11">
      <t>ジドウ</t>
    </rPh>
    <rPh sb="11" eb="13">
      <t>シンリ</t>
    </rPh>
    <rPh sb="13" eb="14">
      <t>シ</t>
    </rPh>
    <rPh sb="15" eb="17">
      <t>ホジョ</t>
    </rPh>
    <rPh sb="22" eb="24">
      <t>シドウ</t>
    </rPh>
    <rPh sb="30" eb="32">
      <t>ホジョ</t>
    </rPh>
    <rPh sb="33" eb="35">
      <t>リョウイク</t>
    </rPh>
    <rPh sb="35" eb="37">
      <t>テチョウ</t>
    </rPh>
    <rPh sb="37" eb="39">
      <t>ハンテイ</t>
    </rPh>
    <rPh sb="39" eb="41">
      <t>ギョウム</t>
    </rPh>
    <rPh sb="41" eb="43">
      <t>ケンガク</t>
    </rPh>
    <phoneticPr fontId="4"/>
  </si>
  <si>
    <t>児童相談所における児童心理司の補助
療育手帳判定業務見学
グループ指導業務補助　等</t>
    <rPh sb="0" eb="2">
      <t>ジドウ</t>
    </rPh>
    <rPh sb="2" eb="4">
      <t>ソウダン</t>
    </rPh>
    <rPh sb="4" eb="5">
      <t>ジョ</t>
    </rPh>
    <rPh sb="9" eb="11">
      <t>ジドウ</t>
    </rPh>
    <rPh sb="11" eb="13">
      <t>シンリ</t>
    </rPh>
    <rPh sb="13" eb="14">
      <t>ツカサ</t>
    </rPh>
    <rPh sb="15" eb="17">
      <t>ホジョ</t>
    </rPh>
    <rPh sb="18" eb="20">
      <t>リョウイク</t>
    </rPh>
    <rPh sb="20" eb="22">
      <t>テチョウ</t>
    </rPh>
    <rPh sb="22" eb="24">
      <t>ハンテイ</t>
    </rPh>
    <rPh sb="24" eb="26">
      <t>ギョウム</t>
    </rPh>
    <rPh sb="26" eb="28">
      <t>ケンガク</t>
    </rPh>
    <rPh sb="33" eb="35">
      <t>シドウ</t>
    </rPh>
    <rPh sb="35" eb="37">
      <t>ギョウム</t>
    </rPh>
    <rPh sb="37" eb="39">
      <t>ホジョ</t>
    </rPh>
    <rPh sb="40" eb="41">
      <t>ナド</t>
    </rPh>
    <phoneticPr fontId="4"/>
  </si>
  <si>
    <t>愛の手帳ほか判定業務補助、施設内見学</t>
    <rPh sb="0" eb="1">
      <t>アイ</t>
    </rPh>
    <rPh sb="2" eb="4">
      <t>テチョウ</t>
    </rPh>
    <rPh sb="6" eb="8">
      <t>ハンテイ</t>
    </rPh>
    <rPh sb="8" eb="10">
      <t>ギョウム</t>
    </rPh>
    <rPh sb="10" eb="12">
      <t>ホジョ</t>
    </rPh>
    <rPh sb="13" eb="15">
      <t>シセツ</t>
    </rPh>
    <rPh sb="15" eb="16">
      <t>ナイ</t>
    </rPh>
    <rPh sb="16" eb="18">
      <t>ケンガク</t>
    </rPh>
    <phoneticPr fontId="4"/>
  </si>
  <si>
    <t>心身障害児・者の総合医療療育施設における管理栄養士業務の見学
（臨床栄養管理・栄養食事指導・給食管理）</t>
    <rPh sb="0" eb="2">
      <t>シンシン</t>
    </rPh>
    <rPh sb="2" eb="4">
      <t>ショウガイ</t>
    </rPh>
    <rPh sb="4" eb="5">
      <t>ジ</t>
    </rPh>
    <rPh sb="6" eb="7">
      <t>シャ</t>
    </rPh>
    <rPh sb="8" eb="12">
      <t>ソウゴウイリョウ</t>
    </rPh>
    <rPh sb="12" eb="14">
      <t>リョウイク</t>
    </rPh>
    <rPh sb="14" eb="16">
      <t>シセツ</t>
    </rPh>
    <rPh sb="20" eb="27">
      <t>カンリエイヨウシギョウム</t>
    </rPh>
    <rPh sb="28" eb="30">
      <t>ケンガク</t>
    </rPh>
    <rPh sb="32" eb="34">
      <t>リンショウ</t>
    </rPh>
    <rPh sb="34" eb="36">
      <t>エイヨウ</t>
    </rPh>
    <rPh sb="36" eb="38">
      <t>カンリ</t>
    </rPh>
    <rPh sb="39" eb="41">
      <t>エイヨウ</t>
    </rPh>
    <rPh sb="41" eb="43">
      <t>ショクジ</t>
    </rPh>
    <rPh sb="43" eb="45">
      <t>シドウ</t>
    </rPh>
    <rPh sb="46" eb="48">
      <t>キュウショク</t>
    </rPh>
    <rPh sb="48" eb="50">
      <t>カンリ</t>
    </rPh>
    <phoneticPr fontId="4"/>
  </si>
  <si>
    <t>療養介護（重症心身障害者入所施設）・医療型障害児入所施設・生活介護・医療型児童発達支援センターにおける療育活動の見学及び業務補助等</t>
    <rPh sb="0" eb="2">
      <t>リョウヨウ</t>
    </rPh>
    <rPh sb="2" eb="4">
      <t>カイゴ</t>
    </rPh>
    <rPh sb="5" eb="7">
      <t>ジュウショウ</t>
    </rPh>
    <rPh sb="7" eb="9">
      <t>シンシン</t>
    </rPh>
    <rPh sb="9" eb="11">
      <t>ショウガイ</t>
    </rPh>
    <rPh sb="11" eb="12">
      <t>シャ</t>
    </rPh>
    <rPh sb="12" eb="14">
      <t>ニュウショ</t>
    </rPh>
    <rPh sb="14" eb="16">
      <t>シセツ</t>
    </rPh>
    <rPh sb="18" eb="20">
      <t>イリョウ</t>
    </rPh>
    <rPh sb="20" eb="21">
      <t>ガタ</t>
    </rPh>
    <rPh sb="21" eb="23">
      <t>ショウガイ</t>
    </rPh>
    <rPh sb="23" eb="24">
      <t>ジ</t>
    </rPh>
    <rPh sb="24" eb="26">
      <t>ニュウショ</t>
    </rPh>
    <rPh sb="26" eb="28">
      <t>シセツ</t>
    </rPh>
    <rPh sb="64" eb="65">
      <t>トウ</t>
    </rPh>
    <phoneticPr fontId="4"/>
  </si>
  <si>
    <t>療育医療施設での薬剤師業務の補助及び見学（調剤業務/医薬品管理業務等）</t>
    <rPh sb="0" eb="2">
      <t>リョウイク</t>
    </rPh>
    <phoneticPr fontId="4"/>
  </si>
  <si>
    <t>利用者へのリハビリテーション実施補助、施設見学等</t>
    <rPh sb="0" eb="3">
      <t>リヨウシャ</t>
    </rPh>
    <rPh sb="14" eb="16">
      <t>ジッシ</t>
    </rPh>
    <rPh sb="16" eb="18">
      <t>ホジョ</t>
    </rPh>
    <rPh sb="19" eb="21">
      <t>シセツ</t>
    </rPh>
    <rPh sb="21" eb="23">
      <t>ケンガク</t>
    </rPh>
    <rPh sb="23" eb="24">
      <t>ナド</t>
    </rPh>
    <phoneticPr fontId="4"/>
  </si>
  <si>
    <t>食品衛生（大規模製造業監視など）、獣医衛生業務補助、動物愛護管理業務補助、関係施設視察等</t>
    <rPh sb="26" eb="28">
      <t>ドウブツ</t>
    </rPh>
    <rPh sb="28" eb="30">
      <t>アイゴ</t>
    </rPh>
    <rPh sb="30" eb="32">
      <t>カンリ</t>
    </rPh>
    <rPh sb="32" eb="34">
      <t>ギョウム</t>
    </rPh>
    <rPh sb="34" eb="36">
      <t>ホジョ</t>
    </rPh>
    <phoneticPr fontId="4"/>
  </si>
  <si>
    <t>食品衛生（大規模製造業監視など）、環境衛生業務補助、資材準備補助、環境衛生営業施設検査に同行、建築物検査（書類・設備等）、花粉測定、関係施設視察等</t>
  </si>
  <si>
    <t>医薬品等の承認審査事務、薬事監視業務、薬物乱用防止事業、東京都薬用植物園の業務補助及び視察、化粧品試買調査等</t>
    <rPh sb="46" eb="49">
      <t>ケショウヒン</t>
    </rPh>
    <rPh sb="49" eb="51">
      <t>シバイ</t>
    </rPh>
    <rPh sb="51" eb="53">
      <t>チョウサ</t>
    </rPh>
    <rPh sb="53" eb="54">
      <t>トウ</t>
    </rPh>
    <phoneticPr fontId="4"/>
  </si>
  <si>
    <t>入所児童（小学生（4年生以上）、中学生、中卒児（高校生等））の生活支援</t>
    <phoneticPr fontId="4"/>
  </si>
  <si>
    <t xml:space="preserve">
生活介護・医療型児童発達支援の業務体験・見学等
</t>
    <rPh sb="1" eb="3">
      <t>セイカツ</t>
    </rPh>
    <rPh sb="3" eb="5">
      <t>カイゴ</t>
    </rPh>
    <rPh sb="6" eb="8">
      <t>イリョウ</t>
    </rPh>
    <rPh sb="8" eb="9">
      <t>ガタ</t>
    </rPh>
    <rPh sb="9" eb="11">
      <t>ジドウ</t>
    </rPh>
    <rPh sb="11" eb="13">
      <t>ハッタツ</t>
    </rPh>
    <rPh sb="13" eb="15">
      <t>シエン</t>
    </rPh>
    <rPh sb="16" eb="18">
      <t>ギョウム</t>
    </rPh>
    <rPh sb="18" eb="20">
      <t>タイケン</t>
    </rPh>
    <rPh sb="21" eb="23">
      <t>ケンガク</t>
    </rPh>
    <rPh sb="23" eb="24">
      <t>ナド</t>
    </rPh>
    <phoneticPr fontId="4"/>
  </si>
  <si>
    <t>小児科、内科、児童精神科等における心理外来検査業務見学・補助等</t>
    <rPh sb="0" eb="3">
      <t>ショウニカ</t>
    </rPh>
    <rPh sb="4" eb="6">
      <t>ナイカ</t>
    </rPh>
    <rPh sb="7" eb="9">
      <t>ジドウ</t>
    </rPh>
    <rPh sb="9" eb="12">
      <t>セイシンカ</t>
    </rPh>
    <rPh sb="12" eb="13">
      <t>ナド</t>
    </rPh>
    <rPh sb="17" eb="19">
      <t>シンリ</t>
    </rPh>
    <rPh sb="19" eb="21">
      <t>ガイライ</t>
    </rPh>
    <rPh sb="21" eb="23">
      <t>ケンサ</t>
    </rPh>
    <rPh sb="23" eb="25">
      <t>ギョウム</t>
    </rPh>
    <rPh sb="25" eb="27">
      <t>ケンガク</t>
    </rPh>
    <rPh sb="28" eb="30">
      <t>ホジョ</t>
    </rPh>
    <rPh sb="30" eb="31">
      <t>トウ</t>
    </rPh>
    <phoneticPr fontId="4"/>
  </si>
  <si>
    <t>病棟での看護体験（見学）/体温測定・呼吸測定・脈拍測定/血圧測定・車椅子を押す/コミュニケーション　など</t>
    <phoneticPr fontId="4"/>
  </si>
  <si>
    <t>食品微生物検査業務/病原細菌研究科の業務/ウイルス性食中毒検査業務およびウイルス性感染症検査の紹介</t>
    <rPh sb="10" eb="12">
      <t>ビョウゲン</t>
    </rPh>
    <rPh sb="12" eb="14">
      <t>サイキン</t>
    </rPh>
    <rPh sb="14" eb="16">
      <t>ケンキュウ</t>
    </rPh>
    <rPh sb="16" eb="17">
      <t>カ</t>
    </rPh>
    <rPh sb="18" eb="20">
      <t>ギョウム</t>
    </rPh>
    <rPh sb="25" eb="26">
      <t>セイ</t>
    </rPh>
    <phoneticPr fontId="4"/>
  </si>
  <si>
    <t>生活環境の分析等/生体影響試験/医薬品等の試験</t>
    <phoneticPr fontId="4"/>
  </si>
  <si>
    <t>産業労働局</t>
    <rPh sb="0" eb="4">
      <t>サンギョウロウドウ</t>
    </rPh>
    <rPh sb="4" eb="5">
      <t>キョク</t>
    </rPh>
    <phoneticPr fontId="4"/>
  </si>
  <si>
    <t>中央卸売市場</t>
    <rPh sb="0" eb="4">
      <t>チュウオウオロシウリ</t>
    </rPh>
    <rPh sb="4" eb="6">
      <t>シジョウ</t>
    </rPh>
    <phoneticPr fontId="4"/>
  </si>
  <si>
    <t>総務部 企画調整課/職員課</t>
    <rPh sb="0" eb="2">
      <t>ソウム</t>
    </rPh>
    <rPh sb="2" eb="3">
      <t>ブ</t>
    </rPh>
    <rPh sb="4" eb="6">
      <t>キカク</t>
    </rPh>
    <rPh sb="6" eb="8">
      <t>チョウセイ</t>
    </rPh>
    <rPh sb="8" eb="9">
      <t>カ</t>
    </rPh>
    <rPh sb="10" eb="12">
      <t>ショクイン</t>
    </rPh>
    <rPh sb="12" eb="13">
      <t>カ</t>
    </rPh>
    <phoneticPr fontId="4"/>
  </si>
  <si>
    <t>商工部 調整課/創業支援課/経営支援課/地域産業振興課</t>
    <rPh sb="4" eb="6">
      <t>チョウセイ</t>
    </rPh>
    <phoneticPr fontId="4"/>
  </si>
  <si>
    <t>金融部 金融課 管理担当</t>
    <rPh sb="0" eb="2">
      <t>キンユウ</t>
    </rPh>
    <rPh sb="2" eb="3">
      <t>ブ</t>
    </rPh>
    <rPh sb="4" eb="6">
      <t>キンユウ</t>
    </rPh>
    <rPh sb="6" eb="7">
      <t>カ</t>
    </rPh>
    <rPh sb="8" eb="10">
      <t>カンリ</t>
    </rPh>
    <rPh sb="10" eb="12">
      <t>タントウ</t>
    </rPh>
    <phoneticPr fontId="4"/>
  </si>
  <si>
    <t>産業・エネルギー政策部 計画課 管理担当</t>
    <rPh sb="0" eb="2">
      <t>サンギョウ</t>
    </rPh>
    <rPh sb="8" eb="10">
      <t>セイサク</t>
    </rPh>
    <rPh sb="10" eb="11">
      <t>ブ</t>
    </rPh>
    <rPh sb="12" eb="15">
      <t>ケイカクカ</t>
    </rPh>
    <rPh sb="16" eb="18">
      <t>カンリ</t>
    </rPh>
    <rPh sb="18" eb="20">
      <t>タントウ</t>
    </rPh>
    <phoneticPr fontId="4"/>
  </si>
  <si>
    <t>雇用就業部 調整課 管理担当</t>
    <rPh sb="0" eb="2">
      <t>コヨウ</t>
    </rPh>
    <rPh sb="2" eb="4">
      <t>シュウギョウ</t>
    </rPh>
    <rPh sb="4" eb="5">
      <t>ブ</t>
    </rPh>
    <rPh sb="6" eb="8">
      <t>チョウセイ</t>
    </rPh>
    <rPh sb="8" eb="9">
      <t>カ</t>
    </rPh>
    <rPh sb="10" eb="12">
      <t>カンリ</t>
    </rPh>
    <rPh sb="12" eb="14">
      <t>タントウ</t>
    </rPh>
    <phoneticPr fontId="4"/>
  </si>
  <si>
    <t>森林事務所 保全課</t>
    <rPh sb="0" eb="2">
      <t>シンリン</t>
    </rPh>
    <rPh sb="2" eb="4">
      <t>ジム</t>
    </rPh>
    <rPh sb="4" eb="5">
      <t>ショ</t>
    </rPh>
    <rPh sb="6" eb="9">
      <t>ホゼンカ</t>
    </rPh>
    <phoneticPr fontId="4"/>
  </si>
  <si>
    <t>農業振興事務所 中央農業改良普及センター普及指導担当</t>
    <rPh sb="0" eb="2">
      <t>ノウギョウ</t>
    </rPh>
    <rPh sb="2" eb="4">
      <t>シンコウ</t>
    </rPh>
    <rPh sb="4" eb="6">
      <t>ジム</t>
    </rPh>
    <rPh sb="6" eb="7">
      <t>ショ</t>
    </rPh>
    <rPh sb="8" eb="10">
      <t>チュウオウ</t>
    </rPh>
    <rPh sb="10" eb="12">
      <t>ノウギョウ</t>
    </rPh>
    <rPh sb="12" eb="14">
      <t>カイリョウ</t>
    </rPh>
    <rPh sb="14" eb="16">
      <t>フキュウ</t>
    </rPh>
    <rPh sb="20" eb="22">
      <t>フキュウ</t>
    </rPh>
    <rPh sb="22" eb="24">
      <t>シドウ</t>
    </rPh>
    <rPh sb="24" eb="26">
      <t>タントウ</t>
    </rPh>
    <phoneticPr fontId="4"/>
  </si>
  <si>
    <t>農林水産部水産課 島しょ農林水産総合センター</t>
    <rPh sb="0" eb="2">
      <t>ノウリン</t>
    </rPh>
    <rPh sb="2" eb="4">
      <t>スイサン</t>
    </rPh>
    <rPh sb="4" eb="5">
      <t>ブ</t>
    </rPh>
    <rPh sb="5" eb="8">
      <t>スイサンカ</t>
    </rPh>
    <rPh sb="9" eb="10">
      <t>トウ</t>
    </rPh>
    <rPh sb="12" eb="14">
      <t>ノウリン</t>
    </rPh>
    <rPh sb="14" eb="16">
      <t>スイサン</t>
    </rPh>
    <rPh sb="16" eb="18">
      <t>ソウゴウ</t>
    </rPh>
    <phoneticPr fontId="3"/>
  </si>
  <si>
    <t>管理部 総務課 人事担当</t>
    <rPh sb="0" eb="2">
      <t>カンリ</t>
    </rPh>
    <rPh sb="2" eb="3">
      <t>ブ</t>
    </rPh>
    <rPh sb="4" eb="7">
      <t>ソウムカ</t>
    </rPh>
    <rPh sb="8" eb="10">
      <t>ジンジ</t>
    </rPh>
    <rPh sb="10" eb="12">
      <t>タントウ</t>
    </rPh>
    <phoneticPr fontId="4"/>
  </si>
  <si>
    <t>事務</t>
    <rPh sb="0" eb="2">
      <t>ジム</t>
    </rPh>
    <phoneticPr fontId="4"/>
  </si>
  <si>
    <t>林業</t>
    <rPh sb="0" eb="2">
      <t>リンギョウ</t>
    </rPh>
    <phoneticPr fontId="4"/>
  </si>
  <si>
    <t>畜産
農業技術</t>
    <rPh sb="0" eb="2">
      <t>チクサン</t>
    </rPh>
    <rPh sb="3" eb="7">
      <t>ノウギョウギジュツ</t>
    </rPh>
    <phoneticPr fontId="4"/>
  </si>
  <si>
    <t>水産</t>
    <rPh sb="0" eb="2">
      <t>スイサン</t>
    </rPh>
    <phoneticPr fontId="4"/>
  </si>
  <si>
    <t>商工施策に係る事務補助、視察等</t>
    <phoneticPr fontId="4"/>
  </si>
  <si>
    <t>金融部の事業概要説明、金融部管理事務補助、視察</t>
    <rPh sb="0" eb="2">
      <t>キンユウ</t>
    </rPh>
    <rPh sb="2" eb="3">
      <t>ブ</t>
    </rPh>
    <rPh sb="4" eb="6">
      <t>ジギョウ</t>
    </rPh>
    <rPh sb="6" eb="8">
      <t>ガイヨウ</t>
    </rPh>
    <rPh sb="8" eb="10">
      <t>セツメイ</t>
    </rPh>
    <rPh sb="21" eb="23">
      <t>シサツ</t>
    </rPh>
    <phoneticPr fontId="4"/>
  </si>
  <si>
    <t>雇用・就業施策に関する情報収集補助及び雇用・就業事業に係る事務補助など</t>
    <phoneticPr fontId="4"/>
  </si>
  <si>
    <t>水産業の統計資料作成補助
水産資源に関する調査、試験、研究等の業務補助</t>
    <rPh sb="0" eb="2">
      <t>スイサン</t>
    </rPh>
    <rPh sb="2" eb="3">
      <t>ギョウ</t>
    </rPh>
    <rPh sb="4" eb="6">
      <t>トウケイ</t>
    </rPh>
    <rPh sb="6" eb="8">
      <t>シリョウ</t>
    </rPh>
    <rPh sb="8" eb="10">
      <t>サクセイ</t>
    </rPh>
    <rPh sb="10" eb="12">
      <t>ホジョ</t>
    </rPh>
    <rPh sb="13" eb="15">
      <t>スイサン</t>
    </rPh>
    <rPh sb="15" eb="17">
      <t>シゲン</t>
    </rPh>
    <rPh sb="18" eb="19">
      <t>カン</t>
    </rPh>
    <rPh sb="21" eb="23">
      <t>チョウサ</t>
    </rPh>
    <rPh sb="24" eb="26">
      <t>シケン</t>
    </rPh>
    <rPh sb="27" eb="29">
      <t>ケンキュウ</t>
    </rPh>
    <rPh sb="29" eb="30">
      <t>トウ</t>
    </rPh>
    <rPh sb="31" eb="33">
      <t>ギョウム</t>
    </rPh>
    <rPh sb="33" eb="35">
      <t>ホジョ</t>
    </rPh>
    <phoneticPr fontId="3"/>
  </si>
  <si>
    <t>産業労働局事業概要説明、庶務事務補助
局事業・PR等に関する資料作成・企画提案</t>
    <rPh sb="0" eb="2">
      <t>サンギョウ</t>
    </rPh>
    <rPh sb="2" eb="4">
      <t>ロウドウ</t>
    </rPh>
    <rPh sb="4" eb="5">
      <t>キョク</t>
    </rPh>
    <rPh sb="5" eb="7">
      <t>ジギョウ</t>
    </rPh>
    <rPh sb="7" eb="9">
      <t>ガイヨウ</t>
    </rPh>
    <rPh sb="9" eb="11">
      <t>セツメイ</t>
    </rPh>
    <rPh sb="12" eb="14">
      <t>ショム</t>
    </rPh>
    <rPh sb="14" eb="16">
      <t>ジム</t>
    </rPh>
    <rPh sb="16" eb="18">
      <t>ホジョ</t>
    </rPh>
    <rPh sb="19" eb="20">
      <t>キョク</t>
    </rPh>
    <rPh sb="20" eb="22">
      <t>ジギョウ</t>
    </rPh>
    <rPh sb="25" eb="26">
      <t>ナド</t>
    </rPh>
    <rPh sb="27" eb="28">
      <t>カン</t>
    </rPh>
    <rPh sb="30" eb="32">
      <t>シリョウ</t>
    </rPh>
    <rPh sb="32" eb="34">
      <t>サクセイ</t>
    </rPh>
    <rPh sb="35" eb="37">
      <t>キカク</t>
    </rPh>
    <rPh sb="37" eb="39">
      <t>テイアン</t>
    </rPh>
    <phoneticPr fontId="4"/>
  </si>
  <si>
    <t>事業概要説明/業務補助/視察</t>
    <rPh sb="0" eb="2">
      <t>ジギョウ</t>
    </rPh>
    <rPh sb="2" eb="4">
      <t>ガイヨウ</t>
    </rPh>
    <rPh sb="4" eb="6">
      <t>セツメイ</t>
    </rPh>
    <rPh sb="7" eb="9">
      <t>ギョウム</t>
    </rPh>
    <rPh sb="9" eb="11">
      <t>ホジョ</t>
    </rPh>
    <rPh sb="12" eb="14">
      <t>シサツ</t>
    </rPh>
    <phoneticPr fontId="4"/>
  </si>
  <si>
    <t>東京の森林・林業について/保安林事業、治山事業について</t>
    <rPh sb="0" eb="2">
      <t>トウキョウ</t>
    </rPh>
    <rPh sb="3" eb="5">
      <t>シンリン</t>
    </rPh>
    <rPh sb="6" eb="8">
      <t>リンギョウ</t>
    </rPh>
    <rPh sb="13" eb="16">
      <t>ホアンリン</t>
    </rPh>
    <rPh sb="16" eb="18">
      <t>ジギョウ</t>
    </rPh>
    <rPh sb="19" eb="21">
      <t>チサン</t>
    </rPh>
    <rPh sb="21" eb="23">
      <t>ジギョウ</t>
    </rPh>
    <phoneticPr fontId="4"/>
  </si>
  <si>
    <t>農業者向け技術講習会の開催
農業者に対する個別巡回指導及び展示ほ等の調査</t>
    <rPh sb="0" eb="3">
      <t>ノウギョウシャ</t>
    </rPh>
    <rPh sb="3" eb="4">
      <t>ム</t>
    </rPh>
    <rPh sb="5" eb="7">
      <t>ギジュツ</t>
    </rPh>
    <rPh sb="7" eb="10">
      <t>コウシュウカイ</t>
    </rPh>
    <rPh sb="11" eb="13">
      <t>カイサイ</t>
    </rPh>
    <rPh sb="14" eb="17">
      <t>ノウギョウシャ</t>
    </rPh>
    <rPh sb="18" eb="19">
      <t>タイ</t>
    </rPh>
    <rPh sb="21" eb="23">
      <t>コベツ</t>
    </rPh>
    <rPh sb="23" eb="25">
      <t>ジュンカイ</t>
    </rPh>
    <rPh sb="25" eb="27">
      <t>シドウ</t>
    </rPh>
    <rPh sb="27" eb="28">
      <t>オヨ</t>
    </rPh>
    <rPh sb="29" eb="31">
      <t>テンジ</t>
    </rPh>
    <rPh sb="32" eb="33">
      <t>トウ</t>
    </rPh>
    <rPh sb="34" eb="36">
      <t>チョウサ</t>
    </rPh>
    <phoneticPr fontId="11"/>
  </si>
  <si>
    <t>環境局</t>
    <rPh sb="0" eb="2">
      <t>カンキョウ</t>
    </rPh>
    <rPh sb="2" eb="3">
      <t>キョク</t>
    </rPh>
    <phoneticPr fontId="1"/>
  </si>
  <si>
    <t>水道局</t>
    <rPh sb="0" eb="2">
      <t>スイドウ</t>
    </rPh>
    <rPh sb="2" eb="3">
      <t>キョク</t>
    </rPh>
    <phoneticPr fontId="1"/>
  </si>
  <si>
    <t>水道局</t>
    <rPh sb="0" eb="2">
      <t>スイドウ</t>
    </rPh>
    <rPh sb="2" eb="3">
      <t>キョク</t>
    </rPh>
    <phoneticPr fontId="3"/>
  </si>
  <si>
    <t>水道局</t>
    <rPh sb="0" eb="3">
      <t>スイドウキョク</t>
    </rPh>
    <phoneticPr fontId="4"/>
  </si>
  <si>
    <t>下水道局</t>
    <rPh sb="0" eb="3">
      <t>ゲスイドウ</t>
    </rPh>
    <rPh sb="3" eb="4">
      <t>キョク</t>
    </rPh>
    <phoneticPr fontId="1"/>
  </si>
  <si>
    <t>下水道局</t>
    <rPh sb="0" eb="3">
      <t>ゲスイドウ</t>
    </rPh>
    <rPh sb="3" eb="4">
      <t>キョク</t>
    </rPh>
    <phoneticPr fontId="3"/>
  </si>
  <si>
    <t>総務部 総務課 広報広聴担当</t>
    <rPh sb="0" eb="2">
      <t>ソウム</t>
    </rPh>
    <rPh sb="2" eb="3">
      <t>ブ</t>
    </rPh>
    <rPh sb="4" eb="7">
      <t>ソウムカ</t>
    </rPh>
    <rPh sb="8" eb="12">
      <t>コウホウコウチョウ</t>
    </rPh>
    <rPh sb="12" eb="14">
      <t>タントウ</t>
    </rPh>
    <phoneticPr fontId="4"/>
  </si>
  <si>
    <t>総務部 施設計画課</t>
    <rPh sb="0" eb="2">
      <t>ソウム</t>
    </rPh>
    <rPh sb="2" eb="3">
      <t>ブ</t>
    </rPh>
    <rPh sb="4" eb="6">
      <t>シセツ</t>
    </rPh>
    <rPh sb="6" eb="8">
      <t>ケイカク</t>
    </rPh>
    <rPh sb="8" eb="9">
      <t>カ</t>
    </rPh>
    <phoneticPr fontId="4"/>
  </si>
  <si>
    <t>職員部 人事課 人事担当</t>
    <rPh sb="0" eb="2">
      <t>ショクイン</t>
    </rPh>
    <rPh sb="2" eb="3">
      <t>ブ</t>
    </rPh>
    <rPh sb="4" eb="7">
      <t>ジンジカ</t>
    </rPh>
    <rPh sb="8" eb="10">
      <t>ジンジ</t>
    </rPh>
    <rPh sb="10" eb="12">
      <t>タントウ</t>
    </rPh>
    <phoneticPr fontId="4"/>
  </si>
  <si>
    <t>サービス推進部 管理課 庶務担当</t>
    <rPh sb="4" eb="6">
      <t>スイシン</t>
    </rPh>
    <rPh sb="6" eb="7">
      <t>ブ</t>
    </rPh>
    <rPh sb="8" eb="11">
      <t>カンリカ</t>
    </rPh>
    <rPh sb="12" eb="14">
      <t>ショム</t>
    </rPh>
    <rPh sb="14" eb="16">
      <t>タントウ</t>
    </rPh>
    <phoneticPr fontId="4"/>
  </si>
  <si>
    <t>浄水部 浄水課</t>
    <rPh sb="0" eb="2">
      <t>ジョウスイ</t>
    </rPh>
    <rPh sb="2" eb="3">
      <t>ブ</t>
    </rPh>
    <rPh sb="4" eb="6">
      <t>ジョウスイ</t>
    </rPh>
    <rPh sb="6" eb="7">
      <t>カ</t>
    </rPh>
    <phoneticPr fontId="3"/>
  </si>
  <si>
    <t>浄水部 設備課</t>
    <rPh sb="0" eb="2">
      <t>ジョウスイ</t>
    </rPh>
    <rPh sb="2" eb="3">
      <t>ブ</t>
    </rPh>
    <rPh sb="4" eb="6">
      <t>セツビ</t>
    </rPh>
    <rPh sb="6" eb="7">
      <t>カ</t>
    </rPh>
    <phoneticPr fontId="4"/>
  </si>
  <si>
    <t>給水部 配水課</t>
    <rPh sb="0" eb="2">
      <t>キュウスイ</t>
    </rPh>
    <rPh sb="2" eb="3">
      <t>ブ</t>
    </rPh>
    <rPh sb="4" eb="6">
      <t>ハイスイ</t>
    </rPh>
    <rPh sb="6" eb="7">
      <t>カ</t>
    </rPh>
    <phoneticPr fontId="3"/>
  </si>
  <si>
    <t>給水部 給水課</t>
    <rPh sb="0" eb="2">
      <t>キュウスイ</t>
    </rPh>
    <rPh sb="2" eb="3">
      <t>ブ</t>
    </rPh>
    <rPh sb="4" eb="6">
      <t>キュウスイ</t>
    </rPh>
    <rPh sb="6" eb="7">
      <t>カ</t>
    </rPh>
    <phoneticPr fontId="3"/>
  </si>
  <si>
    <t>建設部 工務課 施設整備計画担当</t>
    <rPh sb="0" eb="3">
      <t>ケン</t>
    </rPh>
    <rPh sb="4" eb="6">
      <t>コウム</t>
    </rPh>
    <rPh sb="6" eb="7">
      <t>カ</t>
    </rPh>
    <rPh sb="8" eb="10">
      <t>シセツ</t>
    </rPh>
    <rPh sb="10" eb="12">
      <t>セイビ</t>
    </rPh>
    <rPh sb="12" eb="14">
      <t>ケイカク</t>
    </rPh>
    <rPh sb="14" eb="16">
      <t>タントウ</t>
    </rPh>
    <phoneticPr fontId="3"/>
  </si>
  <si>
    <t>建設部 施設設計課</t>
    <rPh sb="0" eb="3">
      <t>ケン</t>
    </rPh>
    <rPh sb="4" eb="6">
      <t>シセツ</t>
    </rPh>
    <rPh sb="6" eb="8">
      <t>セッケイ</t>
    </rPh>
    <rPh sb="8" eb="9">
      <t>カ</t>
    </rPh>
    <phoneticPr fontId="3"/>
  </si>
  <si>
    <t>建設部 管路設計課</t>
    <rPh sb="0" eb="3">
      <t>ケン</t>
    </rPh>
    <rPh sb="4" eb="6">
      <t>カンロ</t>
    </rPh>
    <rPh sb="6" eb="8">
      <t>セッケイ</t>
    </rPh>
    <rPh sb="8" eb="9">
      <t>カ</t>
    </rPh>
    <phoneticPr fontId="3"/>
  </si>
  <si>
    <t>多摩水道改革推進本部 調整部技術指導課 水質試験室</t>
    <rPh sb="0" eb="2">
      <t>タマ</t>
    </rPh>
    <rPh sb="2" eb="4">
      <t>スイドウ</t>
    </rPh>
    <rPh sb="4" eb="6">
      <t>カイカク</t>
    </rPh>
    <rPh sb="6" eb="8">
      <t>スイシン</t>
    </rPh>
    <rPh sb="8" eb="10">
      <t>ホンブ</t>
    </rPh>
    <rPh sb="11" eb="13">
      <t>チョウセイ</t>
    </rPh>
    <rPh sb="13" eb="14">
      <t>ブ</t>
    </rPh>
    <rPh sb="14" eb="16">
      <t>ギジュツ</t>
    </rPh>
    <rPh sb="16" eb="18">
      <t>シドウ</t>
    </rPh>
    <rPh sb="18" eb="19">
      <t>カ</t>
    </rPh>
    <rPh sb="20" eb="22">
      <t>スイシツ</t>
    </rPh>
    <rPh sb="22" eb="25">
      <t>シケンシツ</t>
    </rPh>
    <phoneticPr fontId="3"/>
  </si>
  <si>
    <t>多摩水道改革推進本部 調整部技術指導課 技術担当、計画担当、工務担当</t>
    <rPh sb="0" eb="2">
      <t>タマ</t>
    </rPh>
    <rPh sb="2" eb="4">
      <t>スイドウ</t>
    </rPh>
    <rPh sb="4" eb="6">
      <t>カイカク</t>
    </rPh>
    <rPh sb="6" eb="8">
      <t>スイシン</t>
    </rPh>
    <rPh sb="8" eb="10">
      <t>ホンブ</t>
    </rPh>
    <rPh sb="11" eb="13">
      <t>チョウセイ</t>
    </rPh>
    <rPh sb="13" eb="14">
      <t>ブ</t>
    </rPh>
    <rPh sb="14" eb="16">
      <t>ギジュツ</t>
    </rPh>
    <rPh sb="16" eb="18">
      <t>シドウ</t>
    </rPh>
    <rPh sb="18" eb="19">
      <t>カ</t>
    </rPh>
    <rPh sb="20" eb="22">
      <t>ギジュツ</t>
    </rPh>
    <rPh sb="22" eb="24">
      <t>タントウ</t>
    </rPh>
    <rPh sb="25" eb="27">
      <t>ケイカク</t>
    </rPh>
    <rPh sb="27" eb="29">
      <t>タントウ</t>
    </rPh>
    <rPh sb="30" eb="32">
      <t>コウム</t>
    </rPh>
    <rPh sb="32" eb="34">
      <t>タントウ</t>
    </rPh>
    <phoneticPr fontId="3"/>
  </si>
  <si>
    <t>多摩水道改革推進本部 施設部工務課 工務担当</t>
    <phoneticPr fontId="4"/>
  </si>
  <si>
    <t>総務部総務課・広報サービス課/職員部人事課/経理部業務管理課・資産運用課</t>
    <rPh sb="0" eb="2">
      <t>ソウム</t>
    </rPh>
    <rPh sb="2" eb="3">
      <t>ブ</t>
    </rPh>
    <rPh sb="3" eb="6">
      <t>ソウムカ</t>
    </rPh>
    <rPh sb="7" eb="9">
      <t>コウホウ</t>
    </rPh>
    <rPh sb="13" eb="14">
      <t>カ</t>
    </rPh>
    <rPh sb="22" eb="24">
      <t>ケイリ</t>
    </rPh>
    <rPh sb="24" eb="25">
      <t>ブ</t>
    </rPh>
    <rPh sb="25" eb="27">
      <t>ギョウム</t>
    </rPh>
    <rPh sb="27" eb="30">
      <t>カンリカ</t>
    </rPh>
    <rPh sb="31" eb="33">
      <t>シサン</t>
    </rPh>
    <rPh sb="33" eb="35">
      <t>ウンヨウ</t>
    </rPh>
    <rPh sb="35" eb="36">
      <t>カ</t>
    </rPh>
    <phoneticPr fontId="3"/>
  </si>
  <si>
    <t>計画調整部 計画課 計画担当</t>
    <rPh sb="0" eb="2">
      <t>ケイカク</t>
    </rPh>
    <rPh sb="2" eb="4">
      <t>チョウセイ</t>
    </rPh>
    <rPh sb="4" eb="5">
      <t>ブ</t>
    </rPh>
    <rPh sb="6" eb="9">
      <t>ケイカクカ</t>
    </rPh>
    <rPh sb="10" eb="12">
      <t>ケイカク</t>
    </rPh>
    <rPh sb="12" eb="14">
      <t>タントウ</t>
    </rPh>
    <phoneticPr fontId="3"/>
  </si>
  <si>
    <t>計画調整部 事業調整課 施設計画担当</t>
    <phoneticPr fontId="4"/>
  </si>
  <si>
    <t>計画調整部 技術開発課 企画調整担当</t>
    <rPh sb="0" eb="2">
      <t>ケイカク</t>
    </rPh>
    <rPh sb="2" eb="4">
      <t>チョウセイ</t>
    </rPh>
    <rPh sb="4" eb="5">
      <t>ブ</t>
    </rPh>
    <rPh sb="6" eb="8">
      <t>ギジュツ</t>
    </rPh>
    <rPh sb="8" eb="10">
      <t>カイハツ</t>
    </rPh>
    <rPh sb="10" eb="11">
      <t>カ</t>
    </rPh>
    <rPh sb="12" eb="14">
      <t>キカク</t>
    </rPh>
    <rPh sb="14" eb="16">
      <t>チョウセイ</t>
    </rPh>
    <rPh sb="16" eb="18">
      <t>タントウ</t>
    </rPh>
    <phoneticPr fontId="3"/>
  </si>
  <si>
    <t>計画調整部 技術開発課 技術管理担当</t>
    <rPh sb="0" eb="2">
      <t>ケイカク</t>
    </rPh>
    <rPh sb="2" eb="4">
      <t>チョウセイ</t>
    </rPh>
    <rPh sb="4" eb="5">
      <t>ブ</t>
    </rPh>
    <rPh sb="6" eb="8">
      <t>ギジュツ</t>
    </rPh>
    <rPh sb="8" eb="10">
      <t>カイハツ</t>
    </rPh>
    <rPh sb="10" eb="11">
      <t>カ</t>
    </rPh>
    <rPh sb="12" eb="14">
      <t>ギジュツ</t>
    </rPh>
    <rPh sb="14" eb="16">
      <t>カンリ</t>
    </rPh>
    <rPh sb="16" eb="18">
      <t>タントウ</t>
    </rPh>
    <phoneticPr fontId="3"/>
  </si>
  <si>
    <t>施設管理部 管路管理課</t>
    <rPh sb="0" eb="2">
      <t>シセツ</t>
    </rPh>
    <rPh sb="2" eb="4">
      <t>カンリ</t>
    </rPh>
    <rPh sb="4" eb="5">
      <t>ブ</t>
    </rPh>
    <rPh sb="6" eb="8">
      <t>カンロ</t>
    </rPh>
    <rPh sb="8" eb="11">
      <t>カンリカ</t>
    </rPh>
    <phoneticPr fontId="4"/>
  </si>
  <si>
    <t>施設管理部 排水設備課/環境管理課　</t>
    <phoneticPr fontId="4"/>
  </si>
  <si>
    <t>施設管理部 施設管理課</t>
    <rPh sb="0" eb="2">
      <t>シセツ</t>
    </rPh>
    <rPh sb="2" eb="4">
      <t>カンリ</t>
    </rPh>
    <rPh sb="4" eb="5">
      <t>ブ</t>
    </rPh>
    <rPh sb="6" eb="8">
      <t>シセツ</t>
    </rPh>
    <rPh sb="8" eb="10">
      <t>カンリ</t>
    </rPh>
    <rPh sb="10" eb="11">
      <t>カ</t>
    </rPh>
    <phoneticPr fontId="3"/>
  </si>
  <si>
    <t>施設管理部 施設保全課
調整担当/工事指導担当/
保全指導担当</t>
    <rPh sb="0" eb="2">
      <t>シセツ</t>
    </rPh>
    <rPh sb="2" eb="4">
      <t>カンリ</t>
    </rPh>
    <rPh sb="4" eb="5">
      <t>ブ</t>
    </rPh>
    <rPh sb="6" eb="8">
      <t>シセツ</t>
    </rPh>
    <rPh sb="8" eb="10">
      <t>ホゼン</t>
    </rPh>
    <rPh sb="10" eb="11">
      <t>カ</t>
    </rPh>
    <rPh sb="12" eb="14">
      <t>チョウセイ</t>
    </rPh>
    <rPh sb="14" eb="16">
      <t>タントウ</t>
    </rPh>
    <rPh sb="17" eb="19">
      <t>コウジ</t>
    </rPh>
    <rPh sb="19" eb="21">
      <t>シドウ</t>
    </rPh>
    <rPh sb="21" eb="23">
      <t>タントウ</t>
    </rPh>
    <rPh sb="25" eb="27">
      <t>ホゼン</t>
    </rPh>
    <rPh sb="27" eb="29">
      <t>シドウ</t>
    </rPh>
    <rPh sb="29" eb="31">
      <t>タントウ</t>
    </rPh>
    <phoneticPr fontId="4"/>
  </si>
  <si>
    <t>建設部 工務課 調整担当</t>
    <rPh sb="0" eb="2">
      <t>ケンセツ</t>
    </rPh>
    <rPh sb="2" eb="3">
      <t>ブ</t>
    </rPh>
    <rPh sb="4" eb="6">
      <t>コウム</t>
    </rPh>
    <rPh sb="6" eb="7">
      <t>カ</t>
    </rPh>
    <rPh sb="8" eb="10">
      <t>チョウセイ</t>
    </rPh>
    <rPh sb="10" eb="12">
      <t>タントウ</t>
    </rPh>
    <phoneticPr fontId="4"/>
  </si>
  <si>
    <t>建設部 設計調整課 調整担当</t>
    <rPh sb="0" eb="2">
      <t>ケンセツ</t>
    </rPh>
    <rPh sb="2" eb="3">
      <t>ブ</t>
    </rPh>
    <rPh sb="4" eb="6">
      <t>セッケイ</t>
    </rPh>
    <rPh sb="6" eb="8">
      <t>チョウセイ</t>
    </rPh>
    <rPh sb="8" eb="9">
      <t>カ</t>
    </rPh>
    <rPh sb="10" eb="12">
      <t>チョウセイ</t>
    </rPh>
    <rPh sb="12" eb="14">
      <t>タントウ</t>
    </rPh>
    <phoneticPr fontId="4"/>
  </si>
  <si>
    <t>建設部 土木設計課 調整担当</t>
    <rPh sb="0" eb="2">
      <t>ケンセツ</t>
    </rPh>
    <rPh sb="2" eb="3">
      <t>ブ</t>
    </rPh>
    <rPh sb="4" eb="6">
      <t>ドボク</t>
    </rPh>
    <rPh sb="6" eb="8">
      <t>セッケイ</t>
    </rPh>
    <rPh sb="8" eb="9">
      <t>カ</t>
    </rPh>
    <rPh sb="10" eb="12">
      <t>チョウセイ</t>
    </rPh>
    <rPh sb="12" eb="14">
      <t>タントウ</t>
    </rPh>
    <phoneticPr fontId="4"/>
  </si>
  <si>
    <t>建設部 設備設計課 調整担当</t>
    <rPh sb="0" eb="2">
      <t>ケンセツ</t>
    </rPh>
    <rPh sb="2" eb="3">
      <t>ブ</t>
    </rPh>
    <rPh sb="4" eb="6">
      <t>セツビ</t>
    </rPh>
    <rPh sb="6" eb="8">
      <t>セッケイ</t>
    </rPh>
    <rPh sb="8" eb="9">
      <t>カ</t>
    </rPh>
    <rPh sb="10" eb="12">
      <t>チョウセイ</t>
    </rPh>
    <rPh sb="12" eb="14">
      <t>タントウ</t>
    </rPh>
    <phoneticPr fontId="3"/>
  </si>
  <si>
    <t>土木</t>
    <rPh sb="0" eb="2">
      <t>ドボク</t>
    </rPh>
    <phoneticPr fontId="4"/>
  </si>
  <si>
    <t>土木</t>
    <rPh sb="0" eb="2">
      <t>ドボク</t>
    </rPh>
    <phoneticPr fontId="3"/>
  </si>
  <si>
    <t>機械</t>
  </si>
  <si>
    <t>電気</t>
    <rPh sb="0" eb="2">
      <t>デンキ</t>
    </rPh>
    <phoneticPr fontId="4"/>
  </si>
  <si>
    <t>環境検査</t>
    <rPh sb="0" eb="2">
      <t>カンキョウ</t>
    </rPh>
    <rPh sb="2" eb="4">
      <t>ケンサ</t>
    </rPh>
    <phoneticPr fontId="3"/>
  </si>
  <si>
    <t>事務</t>
    <rPh sb="0" eb="2">
      <t>ジム</t>
    </rPh>
    <phoneticPr fontId="3"/>
  </si>
  <si>
    <t>土木
機械
電気
環境検査</t>
    <rPh sb="0" eb="2">
      <t>ドボク</t>
    </rPh>
    <rPh sb="3" eb="5">
      <t>キカイ</t>
    </rPh>
    <rPh sb="6" eb="8">
      <t>デンキ</t>
    </rPh>
    <rPh sb="9" eb="11">
      <t>カンキョウ</t>
    </rPh>
    <rPh sb="11" eb="13">
      <t>ケンサ</t>
    </rPh>
    <phoneticPr fontId="3"/>
  </si>
  <si>
    <t>土木
機械
電気</t>
    <rPh sb="0" eb="2">
      <t>ドボク</t>
    </rPh>
    <phoneticPr fontId="3"/>
  </si>
  <si>
    <t>機械
電気
環境検査</t>
    <rPh sb="0" eb="2">
      <t>キカイ</t>
    </rPh>
    <rPh sb="3" eb="5">
      <t>デンキ</t>
    </rPh>
    <rPh sb="6" eb="8">
      <t>カンキョウ</t>
    </rPh>
    <rPh sb="8" eb="10">
      <t>ケンサ</t>
    </rPh>
    <phoneticPr fontId="3"/>
  </si>
  <si>
    <t>土木
機械
電気</t>
    <rPh sb="0" eb="2">
      <t>ドボク</t>
    </rPh>
    <rPh sb="3" eb="5">
      <t>キカイ</t>
    </rPh>
    <rPh sb="6" eb="8">
      <t>デンキ</t>
    </rPh>
    <phoneticPr fontId="3"/>
  </si>
  <si>
    <t>機械
電気</t>
    <rPh sb="0" eb="2">
      <t>キカイ</t>
    </rPh>
    <rPh sb="3" eb="5">
      <t>デンキ</t>
    </rPh>
    <phoneticPr fontId="3"/>
  </si>
  <si>
    <t>機械
電気</t>
    <rPh sb="0" eb="2">
      <t>キカイ</t>
    </rPh>
    <rPh sb="3" eb="5">
      <t>デンキ</t>
    </rPh>
    <phoneticPr fontId="4"/>
  </si>
  <si>
    <t>環境局の報道発表、HPやSNS発信に関する事務補助、HTT（電気をⒽ減らすⓉ創るⓉ蓄める）広報に関する事務補助　など</t>
    <rPh sb="0" eb="2">
      <t>カンキョウ</t>
    </rPh>
    <rPh sb="2" eb="3">
      <t>キョク</t>
    </rPh>
    <rPh sb="4" eb="6">
      <t>ホウドウ</t>
    </rPh>
    <rPh sb="6" eb="8">
      <t>ハッピョウ</t>
    </rPh>
    <rPh sb="15" eb="17">
      <t>ハッシン</t>
    </rPh>
    <rPh sb="18" eb="19">
      <t>カン</t>
    </rPh>
    <rPh sb="21" eb="23">
      <t>ジム</t>
    </rPh>
    <rPh sb="23" eb="25">
      <t>ホジョ</t>
    </rPh>
    <rPh sb="30" eb="32">
      <t>デンキ</t>
    </rPh>
    <rPh sb="34" eb="35">
      <t>ヘ</t>
    </rPh>
    <rPh sb="38" eb="39">
      <t>ツク</t>
    </rPh>
    <rPh sb="41" eb="42">
      <t>チク</t>
    </rPh>
    <rPh sb="45" eb="47">
      <t>コウホウ</t>
    </rPh>
    <rPh sb="48" eb="49">
      <t>カン</t>
    </rPh>
    <rPh sb="51" eb="53">
      <t>ジム</t>
    </rPh>
    <rPh sb="53" eb="55">
      <t>ホジョ</t>
    </rPh>
    <phoneticPr fontId="4"/>
  </si>
  <si>
    <t>水道施設の計画調査に関する業務の補助/現場視察</t>
    <rPh sb="0" eb="2">
      <t>スイドウ</t>
    </rPh>
    <rPh sb="2" eb="4">
      <t>シセツ</t>
    </rPh>
    <rPh sb="5" eb="7">
      <t>ケイカク</t>
    </rPh>
    <rPh sb="7" eb="9">
      <t>チョウサ</t>
    </rPh>
    <rPh sb="10" eb="11">
      <t>カン</t>
    </rPh>
    <rPh sb="13" eb="15">
      <t>ギョウム</t>
    </rPh>
    <rPh sb="16" eb="18">
      <t>ホジョ</t>
    </rPh>
    <rPh sb="19" eb="21">
      <t>ゲンバ</t>
    </rPh>
    <rPh sb="21" eb="23">
      <t>シサツ</t>
    </rPh>
    <phoneticPr fontId="3"/>
  </si>
  <si>
    <t>業務概要説明/業務補助等</t>
    <rPh sb="0" eb="2">
      <t>ギョウム</t>
    </rPh>
    <rPh sb="2" eb="4">
      <t>ガイヨウ</t>
    </rPh>
    <rPh sb="4" eb="6">
      <t>セツメイ</t>
    </rPh>
    <rPh sb="7" eb="9">
      <t>ギョウム</t>
    </rPh>
    <rPh sb="9" eb="11">
      <t>ホジョ</t>
    </rPh>
    <rPh sb="11" eb="12">
      <t>トウ</t>
    </rPh>
    <phoneticPr fontId="4"/>
  </si>
  <si>
    <t>業務概要説明/局内調整事務に関する事務補助</t>
    <rPh sb="0" eb="2">
      <t>ギョウム</t>
    </rPh>
    <rPh sb="2" eb="4">
      <t>ガイヨウ</t>
    </rPh>
    <rPh sb="4" eb="6">
      <t>セツメイ</t>
    </rPh>
    <rPh sb="7" eb="9">
      <t>キョクナイ</t>
    </rPh>
    <rPh sb="9" eb="11">
      <t>チョウセイ</t>
    </rPh>
    <rPh sb="11" eb="13">
      <t>ジム</t>
    </rPh>
    <rPh sb="14" eb="15">
      <t>カン</t>
    </rPh>
    <rPh sb="17" eb="19">
      <t>ジム</t>
    </rPh>
    <rPh sb="19" eb="21">
      <t>ホジョ</t>
    </rPh>
    <phoneticPr fontId="4"/>
  </si>
  <si>
    <t>業務概要説明/浄水場、水源管理事務所等の現地調査/浄水技術に関する資料作成/実習成果まとめ・発表</t>
    <rPh sb="7" eb="10">
      <t>ジョウスイジョウ</t>
    </rPh>
    <phoneticPr fontId="3"/>
  </si>
  <si>
    <t>設備課業務概要説明/施設調査（浄水場等）/業務補助/実習成果まとめ・発表</t>
    <rPh sb="0" eb="3">
      <t>セツビカ</t>
    </rPh>
    <rPh sb="3" eb="5">
      <t>ギョウム</t>
    </rPh>
    <rPh sb="5" eb="7">
      <t>ガイヨウ</t>
    </rPh>
    <rPh sb="7" eb="9">
      <t>セツメイ</t>
    </rPh>
    <rPh sb="10" eb="12">
      <t>シセツ</t>
    </rPh>
    <rPh sb="12" eb="14">
      <t>チョウサ</t>
    </rPh>
    <rPh sb="15" eb="18">
      <t>ジョウスイジョウ</t>
    </rPh>
    <rPh sb="18" eb="19">
      <t>ナド</t>
    </rPh>
    <rPh sb="21" eb="23">
      <t>ギョウム</t>
    </rPh>
    <rPh sb="23" eb="25">
      <t>ホジョ</t>
    </rPh>
    <rPh sb="26" eb="30">
      <t>ジッシュウセイカ</t>
    </rPh>
    <rPh sb="34" eb="36">
      <t>ハッピョウ</t>
    </rPh>
    <phoneticPr fontId="3"/>
  </si>
  <si>
    <t>業務概要説明/業務体験（工事監督、管路維持管理、事故対応、ほか）/現場視察</t>
    <rPh sb="0" eb="2">
      <t>ギョウム</t>
    </rPh>
    <rPh sb="2" eb="4">
      <t>ガイヨウ</t>
    </rPh>
    <rPh sb="4" eb="6">
      <t>セツメイ</t>
    </rPh>
    <rPh sb="7" eb="9">
      <t>ギョウム</t>
    </rPh>
    <rPh sb="9" eb="11">
      <t>タイケン</t>
    </rPh>
    <rPh sb="12" eb="14">
      <t>コウジ</t>
    </rPh>
    <rPh sb="14" eb="16">
      <t>カントク</t>
    </rPh>
    <rPh sb="17" eb="19">
      <t>カンロ</t>
    </rPh>
    <rPh sb="19" eb="21">
      <t>イジ</t>
    </rPh>
    <rPh sb="21" eb="23">
      <t>カンリ</t>
    </rPh>
    <rPh sb="24" eb="26">
      <t>ジコ</t>
    </rPh>
    <rPh sb="26" eb="28">
      <t>タイオウ</t>
    </rPh>
    <rPh sb="33" eb="35">
      <t>ゲンバ</t>
    </rPh>
    <rPh sb="35" eb="37">
      <t>シサツ</t>
    </rPh>
    <phoneticPr fontId="3"/>
  </si>
  <si>
    <t>水質管理業務の補助</t>
    <phoneticPr fontId="4"/>
  </si>
  <si>
    <t>業務概要説明/水道施設の計画調査に関する業務の補助/現場視察</t>
    <rPh sb="0" eb="2">
      <t>ギョウム</t>
    </rPh>
    <rPh sb="2" eb="4">
      <t>ガイヨウ</t>
    </rPh>
    <rPh sb="4" eb="6">
      <t>セツメイ</t>
    </rPh>
    <phoneticPr fontId="4"/>
  </si>
  <si>
    <t>広報業務補助（局報等の企画・取材・記事作成）等/就活生等に向けた下水道局紹介イベントの企画立案等/下水道料金の徴収業務の補助、現場視察、資産（土地・設備）調査に関する補助業務</t>
    <rPh sb="9" eb="10">
      <t>ナド</t>
    </rPh>
    <rPh sb="22" eb="23">
      <t>トウ</t>
    </rPh>
    <rPh sb="24" eb="27">
      <t>シュウカツセイ</t>
    </rPh>
    <rPh sb="27" eb="28">
      <t>トウ</t>
    </rPh>
    <rPh sb="29" eb="30">
      <t>ム</t>
    </rPh>
    <rPh sb="32" eb="35">
      <t>ゲスイドウ</t>
    </rPh>
    <rPh sb="36" eb="38">
      <t>ショウカイ</t>
    </rPh>
    <rPh sb="47" eb="48">
      <t>トウ</t>
    </rPh>
    <phoneticPr fontId="3"/>
  </si>
  <si>
    <t>下水道における主要施策（再構築、浸水対策、合流式下水道の改善、高度処理及びエネルギー・地球温暖化対策等）の計画作成に関する補助業務/下水道の現場における業務体験（水再生センターやポンプ所、下水道建設工事現場等）</t>
    <phoneticPr fontId="4"/>
  </si>
  <si>
    <t>下水道の施設計画策定に関する補助業務/下水道の工事現場や計画予定施設における業務体験（水再生センターやポンプ所、下水道管きょ工事計画箇所の現場見学等）</t>
    <phoneticPr fontId="4"/>
  </si>
  <si>
    <t>汚泥処理技術の開発に関する補助業務/水処理技術の開発に関する補助業務/新技術の開発に関する補助業務/技術資料作成補助業務</t>
    <phoneticPr fontId="4"/>
  </si>
  <si>
    <t>下水道工事における事故防止に関する補助業務/下水道における技術管理に関する補助業務</t>
    <phoneticPr fontId="4"/>
  </si>
  <si>
    <t>事業場排水に関する水質規制現場調査補助(実地調査)/下水処理等に関する調査業務補助(実地調査)</t>
    <phoneticPr fontId="4"/>
  </si>
  <si>
    <r>
      <t>下水道管路施設の維持管理業務の補助</t>
    </r>
    <r>
      <rPr>
        <strike/>
        <sz val="9"/>
        <rFont val="ＭＳ Ｐゴシック"/>
        <family val="3"/>
        <charset val="128"/>
      </rPr>
      <t/>
    </r>
    <phoneticPr fontId="4"/>
  </si>
  <si>
    <t>多摩地区における大規模水道施設整備に係る設計・積算及び調整業務の補助/工事監督業務の補助/水道送配水管の新設・更新、給水所等施設整備の設計及び工事監督業務の経験</t>
    <phoneticPr fontId="4"/>
  </si>
  <si>
    <t>水再生センター、ポンプ所の維持管理業務補助</t>
    <phoneticPr fontId="4"/>
  </si>
  <si>
    <t>水再生センター、ポンプ所の保全管理業務補助</t>
    <rPh sb="0" eb="1">
      <t>ミズ</t>
    </rPh>
    <rPh sb="1" eb="3">
      <t>サイセイ</t>
    </rPh>
    <rPh sb="11" eb="12">
      <t>ショ</t>
    </rPh>
    <rPh sb="13" eb="15">
      <t>ホゼン</t>
    </rPh>
    <rPh sb="15" eb="17">
      <t>カンリ</t>
    </rPh>
    <phoneticPr fontId="4"/>
  </si>
  <si>
    <t>下水道建設工事の進行管理に関する補助業務/下水道建設工事の指導に関する補助業務</t>
    <phoneticPr fontId="4"/>
  </si>
  <si>
    <t>調整業務補助/管路事業調査業務補助/事業計画策定業務補助</t>
    <phoneticPr fontId="4"/>
  </si>
  <si>
    <t>調整業務補助/設計事務補助</t>
    <rPh sb="0" eb="2">
      <t>チョウセイ</t>
    </rPh>
    <rPh sb="2" eb="4">
      <t>ギョウム</t>
    </rPh>
    <rPh sb="4" eb="6">
      <t>ホジョ</t>
    </rPh>
    <rPh sb="7" eb="9">
      <t>セッケイ</t>
    </rPh>
    <rPh sb="9" eb="11">
      <t>ジム</t>
    </rPh>
    <rPh sb="11" eb="13">
      <t>ホジョ</t>
    </rPh>
    <phoneticPr fontId="4"/>
  </si>
  <si>
    <t>下水道設備の設計に関する補助業務/下水道設備の調査に関する補助業務</t>
    <phoneticPr fontId="4"/>
  </si>
  <si>
    <t>生活文化スポーツ局</t>
    <rPh sb="0" eb="2">
      <t>セイカツ</t>
    </rPh>
    <rPh sb="2" eb="4">
      <t>ブンカ</t>
    </rPh>
    <rPh sb="8" eb="9">
      <t>キョク</t>
    </rPh>
    <phoneticPr fontId="1"/>
  </si>
  <si>
    <t>教育庁</t>
  </si>
  <si>
    <t>教育庁</t>
    <rPh sb="0" eb="3">
      <t>キョウイクチョウ</t>
    </rPh>
    <phoneticPr fontId="3"/>
  </si>
  <si>
    <t>東京都教職員研修センター研修部教育開発課</t>
    <rPh sb="15" eb="17">
      <t>キョウイク</t>
    </rPh>
    <rPh sb="17" eb="20">
      <t>カイハツカ</t>
    </rPh>
    <phoneticPr fontId="3"/>
  </si>
  <si>
    <t>総務部/総務課/広報担当</t>
    <rPh sb="0" eb="3">
      <t>ソウムブ</t>
    </rPh>
    <rPh sb="4" eb="7">
      <t>ソウムカ</t>
    </rPh>
    <rPh sb="8" eb="10">
      <t>コウホウ</t>
    </rPh>
    <rPh sb="10" eb="12">
      <t>タントウ</t>
    </rPh>
    <phoneticPr fontId="4"/>
  </si>
  <si>
    <t>都民生活部/地域活動推進課/事業調整担当</t>
    <rPh sb="0" eb="5">
      <t>トミンセイカツブ</t>
    </rPh>
    <rPh sb="6" eb="13">
      <t>チイキカツドウスイシンカ</t>
    </rPh>
    <rPh sb="14" eb="16">
      <t>ジギョウ</t>
    </rPh>
    <rPh sb="16" eb="18">
      <t>チョウセイ</t>
    </rPh>
    <rPh sb="18" eb="20">
      <t>タントウ</t>
    </rPh>
    <phoneticPr fontId="4"/>
  </si>
  <si>
    <t>都民生活部/男女平等参画課/女性活躍推進担当</t>
    <rPh sb="0" eb="5">
      <t>トミンセイカツブ</t>
    </rPh>
    <rPh sb="6" eb="8">
      <t>ダンジョ</t>
    </rPh>
    <rPh sb="8" eb="10">
      <t>ビョウドウ</t>
    </rPh>
    <rPh sb="10" eb="12">
      <t>サンカク</t>
    </rPh>
    <rPh sb="12" eb="13">
      <t>カ</t>
    </rPh>
    <rPh sb="14" eb="16">
      <t>ジョセイ</t>
    </rPh>
    <rPh sb="16" eb="18">
      <t>カツヤク</t>
    </rPh>
    <rPh sb="18" eb="20">
      <t>スイシン</t>
    </rPh>
    <rPh sb="20" eb="22">
      <t>タントウ</t>
    </rPh>
    <phoneticPr fontId="4"/>
  </si>
  <si>
    <t>消費生活部企画調整課管理担当/消費生活総合センター/活動推進課管理担当</t>
    <rPh sb="0" eb="2">
      <t>ショウヒ</t>
    </rPh>
    <rPh sb="2" eb="4">
      <t>セイカツ</t>
    </rPh>
    <rPh sb="4" eb="5">
      <t>ブ</t>
    </rPh>
    <rPh sb="5" eb="7">
      <t>キカク</t>
    </rPh>
    <rPh sb="7" eb="9">
      <t>チョウセイ</t>
    </rPh>
    <rPh sb="9" eb="10">
      <t>カ</t>
    </rPh>
    <rPh sb="10" eb="12">
      <t>カンリ</t>
    </rPh>
    <rPh sb="12" eb="14">
      <t>タントウ</t>
    </rPh>
    <rPh sb="15" eb="21">
      <t>ショウヒセイカツソウゴウ</t>
    </rPh>
    <rPh sb="26" eb="31">
      <t>カツドウスイシンカ</t>
    </rPh>
    <rPh sb="31" eb="33">
      <t>カンリ</t>
    </rPh>
    <rPh sb="33" eb="35">
      <t>タントウ</t>
    </rPh>
    <phoneticPr fontId="4"/>
  </si>
  <si>
    <t>私学部 私学振興課 助成担当</t>
    <rPh sb="0" eb="2">
      <t>シガク</t>
    </rPh>
    <rPh sb="2" eb="3">
      <t>ブ</t>
    </rPh>
    <rPh sb="4" eb="6">
      <t>シガク</t>
    </rPh>
    <rPh sb="6" eb="8">
      <t>シンコウ</t>
    </rPh>
    <rPh sb="8" eb="9">
      <t>カ</t>
    </rPh>
    <rPh sb="10" eb="12">
      <t>ジョセイ</t>
    </rPh>
    <rPh sb="12" eb="14">
      <t>タントウ</t>
    </rPh>
    <phoneticPr fontId="4"/>
  </si>
  <si>
    <t>文化振興部 企画調整課 文化政策担当</t>
    <rPh sb="0" eb="2">
      <t>ブンカ</t>
    </rPh>
    <rPh sb="2" eb="4">
      <t>シンコウ</t>
    </rPh>
    <rPh sb="4" eb="5">
      <t>ブ</t>
    </rPh>
    <rPh sb="6" eb="8">
      <t>キカク</t>
    </rPh>
    <rPh sb="8" eb="10">
      <t>チョウセイ</t>
    </rPh>
    <rPh sb="10" eb="11">
      <t>カ</t>
    </rPh>
    <rPh sb="12" eb="14">
      <t>ブンカ</t>
    </rPh>
    <rPh sb="14" eb="16">
      <t>セイサク</t>
    </rPh>
    <rPh sb="16" eb="18">
      <t>タントウ</t>
    </rPh>
    <phoneticPr fontId="4"/>
  </si>
  <si>
    <t>スポーツ総合推進部 企画調整課 管理担当</t>
    <rPh sb="4" eb="9">
      <t>ソウゴウスイシンブ</t>
    </rPh>
    <rPh sb="10" eb="12">
      <t>キカク</t>
    </rPh>
    <rPh sb="12" eb="14">
      <t>チョウセイ</t>
    </rPh>
    <rPh sb="14" eb="15">
      <t>カ</t>
    </rPh>
    <rPh sb="16" eb="18">
      <t>カンリ</t>
    </rPh>
    <rPh sb="18" eb="20">
      <t>タントウ</t>
    </rPh>
    <phoneticPr fontId="4"/>
  </si>
  <si>
    <t>国際スポーツ事業部 国際大会課 自転車活用推進担当</t>
    <rPh sb="0" eb="2">
      <t>コクサイ</t>
    </rPh>
    <rPh sb="6" eb="9">
      <t>ジギョウブ</t>
    </rPh>
    <rPh sb="10" eb="15">
      <t>コクサイタイカイカ</t>
    </rPh>
    <rPh sb="16" eb="19">
      <t>ジテンシャ</t>
    </rPh>
    <rPh sb="19" eb="21">
      <t>カツヨウ</t>
    </rPh>
    <rPh sb="21" eb="23">
      <t>スイシン</t>
    </rPh>
    <rPh sb="23" eb="25">
      <t>タントウ</t>
    </rPh>
    <phoneticPr fontId="4"/>
  </si>
  <si>
    <t>国際スポーツ事業部 国際大会課 大会支援担当・大会推進担当/事業調整担当</t>
    <rPh sb="0" eb="2">
      <t>コクサイ</t>
    </rPh>
    <rPh sb="6" eb="8">
      <t>ジギョウ</t>
    </rPh>
    <rPh sb="16" eb="18">
      <t>タイカイ</t>
    </rPh>
    <rPh sb="18" eb="20">
      <t>シエン</t>
    </rPh>
    <rPh sb="20" eb="22">
      <t>タントウ</t>
    </rPh>
    <rPh sb="23" eb="25">
      <t>タイカイ</t>
    </rPh>
    <rPh sb="25" eb="27">
      <t>スイシン</t>
    </rPh>
    <rPh sb="27" eb="29">
      <t>タントウ</t>
    </rPh>
    <rPh sb="30" eb="34">
      <t>ジギョウチョウセイ</t>
    </rPh>
    <rPh sb="34" eb="36">
      <t>タントウ</t>
    </rPh>
    <phoneticPr fontId="4"/>
  </si>
  <si>
    <t>計量検定所 管理指導課 検定課 検査課</t>
    <rPh sb="0" eb="2">
      <t>ケイリョウ</t>
    </rPh>
    <rPh sb="2" eb="4">
      <t>ケンテイ</t>
    </rPh>
    <rPh sb="4" eb="5">
      <t>ジョ</t>
    </rPh>
    <rPh sb="6" eb="8">
      <t>カンリ</t>
    </rPh>
    <rPh sb="8" eb="11">
      <t>シドウカ</t>
    </rPh>
    <rPh sb="12" eb="14">
      <t>ケンテイ</t>
    </rPh>
    <rPh sb="14" eb="15">
      <t>カ</t>
    </rPh>
    <rPh sb="16" eb="19">
      <t>ケンサカ</t>
    </rPh>
    <phoneticPr fontId="4"/>
  </si>
  <si>
    <t>総務部 教育政策課</t>
    <rPh sb="0" eb="2">
      <t>ソウム</t>
    </rPh>
    <rPh sb="2" eb="3">
      <t>ブ</t>
    </rPh>
    <rPh sb="4" eb="6">
      <t>キョウイク</t>
    </rPh>
    <rPh sb="6" eb="8">
      <t>セイサク</t>
    </rPh>
    <rPh sb="8" eb="9">
      <t>カ</t>
    </rPh>
    <phoneticPr fontId="4"/>
  </si>
  <si>
    <t>指導部 指導企画課 生活指導担当</t>
    <rPh sb="0" eb="2">
      <t>シドウ</t>
    </rPh>
    <rPh sb="2" eb="3">
      <t>ブ</t>
    </rPh>
    <rPh sb="4" eb="6">
      <t>シドウ</t>
    </rPh>
    <rPh sb="6" eb="8">
      <t>キカク</t>
    </rPh>
    <rPh sb="8" eb="9">
      <t>カ</t>
    </rPh>
    <rPh sb="10" eb="12">
      <t>セイカツ</t>
    </rPh>
    <rPh sb="12" eb="14">
      <t>シドウ</t>
    </rPh>
    <rPh sb="14" eb="16">
      <t>タントウ</t>
    </rPh>
    <phoneticPr fontId="4"/>
  </si>
  <si>
    <t>指導部 特別支援教育指導課
（神楽坂庁舎）</t>
    <rPh sb="0" eb="2">
      <t>シドウ</t>
    </rPh>
    <rPh sb="2" eb="3">
      <t>ブ</t>
    </rPh>
    <rPh sb="4" eb="6">
      <t>トクベツ</t>
    </rPh>
    <rPh sb="6" eb="8">
      <t>シエン</t>
    </rPh>
    <rPh sb="8" eb="10">
      <t>キョウイク</t>
    </rPh>
    <rPh sb="10" eb="12">
      <t>シドウ</t>
    </rPh>
    <rPh sb="12" eb="13">
      <t>カ</t>
    </rPh>
    <rPh sb="15" eb="18">
      <t>カグラザカ</t>
    </rPh>
    <rPh sb="18" eb="20">
      <t>チョウシャ</t>
    </rPh>
    <phoneticPr fontId="3"/>
  </si>
  <si>
    <t>グローバル人材育成部 国際教育企画課 国際教育企画担当</t>
    <rPh sb="5" eb="7">
      <t>ジンザイ</t>
    </rPh>
    <rPh sb="7" eb="9">
      <t>イクセイ</t>
    </rPh>
    <rPh sb="9" eb="10">
      <t>ブ</t>
    </rPh>
    <rPh sb="11" eb="13">
      <t>コクサイ</t>
    </rPh>
    <rPh sb="13" eb="15">
      <t>キョウイク</t>
    </rPh>
    <rPh sb="15" eb="17">
      <t>キカク</t>
    </rPh>
    <rPh sb="17" eb="18">
      <t>カ</t>
    </rPh>
    <rPh sb="19" eb="21">
      <t>コクサイ</t>
    </rPh>
    <rPh sb="21" eb="23">
      <t>キョウイク</t>
    </rPh>
    <rPh sb="23" eb="25">
      <t>キカク</t>
    </rPh>
    <rPh sb="25" eb="27">
      <t>タントウ</t>
    </rPh>
    <phoneticPr fontId="4"/>
  </si>
  <si>
    <t>地域教育支援部 生涯学習課</t>
    <rPh sb="0" eb="2">
      <t>チイキ</t>
    </rPh>
    <rPh sb="2" eb="4">
      <t>キョウイク</t>
    </rPh>
    <rPh sb="4" eb="6">
      <t>シエン</t>
    </rPh>
    <rPh sb="6" eb="7">
      <t>ブ</t>
    </rPh>
    <rPh sb="8" eb="10">
      <t>ショウガイ</t>
    </rPh>
    <rPh sb="10" eb="12">
      <t>ガクシュウ</t>
    </rPh>
    <rPh sb="12" eb="13">
      <t>カ</t>
    </rPh>
    <phoneticPr fontId="4"/>
  </si>
  <si>
    <t>機械</t>
    <rPh sb="0" eb="2">
      <t>キカイ</t>
    </rPh>
    <phoneticPr fontId="4"/>
  </si>
  <si>
    <t>事務
社会教育</t>
    <rPh sb="0" eb="2">
      <t>ジム</t>
    </rPh>
    <rPh sb="3" eb="5">
      <t>シャカイ</t>
    </rPh>
    <rPh sb="5" eb="7">
      <t>キョウイク</t>
    </rPh>
    <phoneticPr fontId="4"/>
  </si>
  <si>
    <t>デジタル企業「オフィスツアー」準備に関する事務補助、「オフィスツアー」実施に関する事務補助</t>
    <rPh sb="4" eb="6">
      <t>キギョウ</t>
    </rPh>
    <rPh sb="15" eb="17">
      <t>ジュンビ</t>
    </rPh>
    <rPh sb="18" eb="19">
      <t>カン</t>
    </rPh>
    <rPh sb="21" eb="23">
      <t>ジム</t>
    </rPh>
    <rPh sb="23" eb="25">
      <t>ホジョ</t>
    </rPh>
    <rPh sb="35" eb="37">
      <t>ジッシ</t>
    </rPh>
    <rPh sb="38" eb="39">
      <t>カン</t>
    </rPh>
    <rPh sb="41" eb="43">
      <t>ジム</t>
    </rPh>
    <rPh sb="43" eb="45">
      <t>ホジョ</t>
    </rPh>
    <phoneticPr fontId="4"/>
  </si>
  <si>
    <t>（消費生活部）消費者行政の概要学習、広報事業に関する事務補助、取引指導に関する事務補助等
（センター）消費者啓発業務の見学及び事務補助等</t>
    <rPh sb="1" eb="3">
      <t>ショウヒ</t>
    </rPh>
    <rPh sb="3" eb="5">
      <t>セイカツ</t>
    </rPh>
    <rPh sb="5" eb="6">
      <t>ブ</t>
    </rPh>
    <rPh sb="7" eb="10">
      <t>ショウヒシャ</t>
    </rPh>
    <rPh sb="10" eb="12">
      <t>ギョウセイ</t>
    </rPh>
    <rPh sb="13" eb="15">
      <t>ガイヨウ</t>
    </rPh>
    <rPh sb="15" eb="17">
      <t>ガクシュウ</t>
    </rPh>
    <rPh sb="18" eb="20">
      <t>コウホウ</t>
    </rPh>
    <rPh sb="20" eb="22">
      <t>ジギョウ</t>
    </rPh>
    <rPh sb="23" eb="24">
      <t>カン</t>
    </rPh>
    <rPh sb="26" eb="28">
      <t>ジム</t>
    </rPh>
    <rPh sb="28" eb="30">
      <t>ホジョ</t>
    </rPh>
    <rPh sb="31" eb="33">
      <t>トリヒキ</t>
    </rPh>
    <rPh sb="33" eb="35">
      <t>シドウ</t>
    </rPh>
    <rPh sb="36" eb="37">
      <t>カン</t>
    </rPh>
    <rPh sb="39" eb="41">
      <t>ジム</t>
    </rPh>
    <rPh sb="41" eb="43">
      <t>ホジョ</t>
    </rPh>
    <rPh sb="43" eb="44">
      <t>トウ</t>
    </rPh>
    <rPh sb="51" eb="54">
      <t>ショウヒシャ</t>
    </rPh>
    <rPh sb="54" eb="56">
      <t>ケイハツ</t>
    </rPh>
    <rPh sb="56" eb="58">
      <t>ギョウム</t>
    </rPh>
    <rPh sb="59" eb="61">
      <t>ケンガク</t>
    </rPh>
    <rPh sb="61" eb="62">
      <t>オヨ</t>
    </rPh>
    <rPh sb="63" eb="65">
      <t>ジム</t>
    </rPh>
    <rPh sb="65" eb="67">
      <t>ホジョ</t>
    </rPh>
    <rPh sb="67" eb="68">
      <t>ナド</t>
    </rPh>
    <phoneticPr fontId="4"/>
  </si>
  <si>
    <t>補助金事務に関する補助</t>
    <rPh sb="0" eb="3">
      <t>ホジョキン</t>
    </rPh>
    <rPh sb="3" eb="5">
      <t>ジム</t>
    </rPh>
    <rPh sb="6" eb="7">
      <t>カン</t>
    </rPh>
    <rPh sb="9" eb="11">
      <t>ホジョ</t>
    </rPh>
    <phoneticPr fontId="4"/>
  </si>
  <si>
    <t>文化政策広報事務に関する事務補助、文化に係るシンポジウム運営の事務補助</t>
    <rPh sb="0" eb="2">
      <t>ブンカ</t>
    </rPh>
    <rPh sb="2" eb="4">
      <t>セイサク</t>
    </rPh>
    <rPh sb="4" eb="6">
      <t>コウホウ</t>
    </rPh>
    <rPh sb="6" eb="8">
      <t>ジム</t>
    </rPh>
    <rPh sb="9" eb="10">
      <t>カン</t>
    </rPh>
    <rPh sb="12" eb="14">
      <t>ジム</t>
    </rPh>
    <rPh sb="14" eb="16">
      <t>ホジョ</t>
    </rPh>
    <rPh sb="17" eb="19">
      <t>ブンカ</t>
    </rPh>
    <rPh sb="20" eb="21">
      <t>カカ</t>
    </rPh>
    <rPh sb="28" eb="30">
      <t>ウンエイ</t>
    </rPh>
    <rPh sb="31" eb="33">
      <t>ジム</t>
    </rPh>
    <rPh sb="33" eb="35">
      <t>ホジョ</t>
    </rPh>
    <phoneticPr fontId="4"/>
  </si>
  <si>
    <t>視察、各種資料作成、PR方法の検討等</t>
    <rPh sb="0" eb="2">
      <t>シサツ</t>
    </rPh>
    <rPh sb="3" eb="5">
      <t>カクシュ</t>
    </rPh>
    <rPh sb="5" eb="7">
      <t>シリョウ</t>
    </rPh>
    <rPh sb="7" eb="9">
      <t>サクセイ</t>
    </rPh>
    <rPh sb="12" eb="14">
      <t>ホウホウ</t>
    </rPh>
    <rPh sb="15" eb="17">
      <t>ケントウ</t>
    </rPh>
    <rPh sb="17" eb="18">
      <t>トウ</t>
    </rPh>
    <phoneticPr fontId="4"/>
  </si>
  <si>
    <t>GRAND CYCLE TOKYO運営に関する事務補助　等</t>
    <rPh sb="17" eb="19">
      <t>ウンエイ</t>
    </rPh>
    <rPh sb="20" eb="21">
      <t>カン</t>
    </rPh>
    <rPh sb="23" eb="25">
      <t>ジム</t>
    </rPh>
    <rPh sb="25" eb="27">
      <t>ホジョ</t>
    </rPh>
    <rPh sb="28" eb="29">
      <t>トウ</t>
    </rPh>
    <phoneticPr fontId="4"/>
  </si>
  <si>
    <t>班事業説明、資料作成補助、生活指導担当者連絡会における運営補助、実習振り返り</t>
    <rPh sb="0" eb="1">
      <t>ハン</t>
    </rPh>
    <rPh sb="1" eb="3">
      <t>ジギョウ</t>
    </rPh>
    <rPh sb="3" eb="5">
      <t>セツメイ</t>
    </rPh>
    <rPh sb="6" eb="8">
      <t>シリョウ</t>
    </rPh>
    <rPh sb="8" eb="10">
      <t>サクセイ</t>
    </rPh>
    <rPh sb="10" eb="12">
      <t>ホジョ</t>
    </rPh>
    <rPh sb="13" eb="15">
      <t>セイカツ</t>
    </rPh>
    <rPh sb="15" eb="17">
      <t>シドウ</t>
    </rPh>
    <rPh sb="17" eb="20">
      <t>タントウシャ</t>
    </rPh>
    <rPh sb="20" eb="22">
      <t>レンラク</t>
    </rPh>
    <rPh sb="22" eb="23">
      <t>カイ</t>
    </rPh>
    <rPh sb="27" eb="29">
      <t>ウンエイ</t>
    </rPh>
    <rPh sb="29" eb="31">
      <t>ホジョ</t>
    </rPh>
    <rPh sb="32" eb="34">
      <t>ジッシュウ</t>
    </rPh>
    <rPh sb="34" eb="35">
      <t>フ</t>
    </rPh>
    <rPh sb="36" eb="37">
      <t>カエ</t>
    </rPh>
    <phoneticPr fontId="4"/>
  </si>
  <si>
    <t>就学相談・就労支援関係資料作成</t>
    <rPh sb="0" eb="2">
      <t>シュウガク</t>
    </rPh>
    <rPh sb="2" eb="4">
      <t>ソウダン</t>
    </rPh>
    <rPh sb="5" eb="7">
      <t>シュウロウ</t>
    </rPh>
    <rPh sb="7" eb="9">
      <t>シエン</t>
    </rPh>
    <rPh sb="9" eb="11">
      <t>カンケイ</t>
    </rPh>
    <rPh sb="11" eb="13">
      <t>シリョウ</t>
    </rPh>
    <rPh sb="13" eb="15">
      <t>サクセイ</t>
    </rPh>
    <phoneticPr fontId="11"/>
  </si>
  <si>
    <t>研修準備、研修運営</t>
    <rPh sb="0" eb="2">
      <t>ケンシュウ</t>
    </rPh>
    <rPh sb="2" eb="4">
      <t>ジュンビ</t>
    </rPh>
    <rPh sb="5" eb="7">
      <t>ケンシュウ</t>
    </rPh>
    <rPh sb="7" eb="9">
      <t>ウンエイ</t>
    </rPh>
    <phoneticPr fontId="4"/>
  </si>
  <si>
    <t>広報事務に関する事務補助（日々の新聞記事の情報提供、局報作成など）</t>
    <rPh sb="0" eb="2">
      <t>コウホウ</t>
    </rPh>
    <rPh sb="2" eb="4">
      <t>ジム</t>
    </rPh>
    <rPh sb="5" eb="6">
      <t>カン</t>
    </rPh>
    <rPh sb="8" eb="10">
      <t>ジム</t>
    </rPh>
    <rPh sb="10" eb="12">
      <t>ホジョ</t>
    </rPh>
    <rPh sb="13" eb="15">
      <t>ヒビ</t>
    </rPh>
    <rPh sb="16" eb="20">
      <t>シンブンキジ</t>
    </rPh>
    <rPh sb="21" eb="23">
      <t>ジョウホウ</t>
    </rPh>
    <rPh sb="23" eb="25">
      <t>テイキョウ</t>
    </rPh>
    <rPh sb="26" eb="27">
      <t>キョク</t>
    </rPh>
    <rPh sb="27" eb="28">
      <t>ホウ</t>
    </rPh>
    <rPh sb="28" eb="30">
      <t>サクセイ</t>
    </rPh>
    <phoneticPr fontId="4"/>
  </si>
  <si>
    <t>「ボランティアを応援するセミナー」準備に関する事務補助
「ボランティアを応援するセミナー」実施に関する事務補助
「FC東京との連携イベント」の企画補助 等</t>
    <rPh sb="8" eb="10">
      <t>オウエン</t>
    </rPh>
    <rPh sb="17" eb="19">
      <t>ジュンビ</t>
    </rPh>
    <rPh sb="20" eb="21">
      <t>カン</t>
    </rPh>
    <rPh sb="23" eb="25">
      <t>ジム</t>
    </rPh>
    <rPh sb="25" eb="27">
      <t>ホジョ</t>
    </rPh>
    <rPh sb="36" eb="38">
      <t>オウエン</t>
    </rPh>
    <rPh sb="45" eb="47">
      <t>ジッシ</t>
    </rPh>
    <rPh sb="48" eb="49">
      <t>カン</t>
    </rPh>
    <rPh sb="51" eb="53">
      <t>ジム</t>
    </rPh>
    <rPh sb="53" eb="55">
      <t>ホジョ</t>
    </rPh>
    <rPh sb="59" eb="61">
      <t>トウキョウ</t>
    </rPh>
    <rPh sb="63" eb="65">
      <t>レンケイ</t>
    </rPh>
    <rPh sb="71" eb="73">
      <t>キカク</t>
    </rPh>
    <rPh sb="73" eb="75">
      <t>ホジョ</t>
    </rPh>
    <rPh sb="76" eb="77">
      <t>トウ</t>
    </rPh>
    <phoneticPr fontId="4"/>
  </si>
  <si>
    <t>国際スポーツ大会等推進業務の事務補助/気運醸成業務等の事務補助　他</t>
    <rPh sb="0" eb="2">
      <t>コクサイ</t>
    </rPh>
    <rPh sb="6" eb="8">
      <t>タイカイ</t>
    </rPh>
    <rPh sb="8" eb="9">
      <t>ナド</t>
    </rPh>
    <rPh sb="9" eb="11">
      <t>スイシン</t>
    </rPh>
    <rPh sb="11" eb="13">
      <t>ギョウム</t>
    </rPh>
    <rPh sb="14" eb="16">
      <t>ジム</t>
    </rPh>
    <rPh sb="16" eb="18">
      <t>ホジョ</t>
    </rPh>
    <rPh sb="19" eb="23">
      <t>キウンジョウセイ</t>
    </rPh>
    <rPh sb="23" eb="25">
      <t>ギョウム</t>
    </rPh>
    <rPh sb="25" eb="26">
      <t>トウ</t>
    </rPh>
    <rPh sb="27" eb="29">
      <t>ジム</t>
    </rPh>
    <rPh sb="29" eb="31">
      <t>ホジョ</t>
    </rPh>
    <rPh sb="32" eb="33">
      <t>ホカ</t>
    </rPh>
    <phoneticPr fontId="4"/>
  </si>
  <si>
    <t>計量法における計量器規制業務の見学及び事務補助</t>
    <phoneticPr fontId="4"/>
  </si>
  <si>
    <t>ICT利活用、環境整備等に関する事務補助/情報教育の推進に関する事務補助</t>
    <phoneticPr fontId="4"/>
  </si>
  <si>
    <t>JETプログラム（The Japan Exchange and Teaching Programme)におけるJET来日時の研修会受付・運営等補助/東京都教育委員会の国際教育施策全般について　</t>
    <phoneticPr fontId="4"/>
  </si>
  <si>
    <t>生涯学習及び社会教育の振興に係る事務補助　等</t>
    <rPh sb="16" eb="18">
      <t>ジム</t>
    </rPh>
    <rPh sb="18" eb="20">
      <t>ホジョ</t>
    </rPh>
    <rPh sb="21" eb="22">
      <t>トウ</t>
    </rPh>
    <phoneticPr fontId="4"/>
  </si>
  <si>
    <t>集計処理/文書作成補助/物品整理等</t>
    <rPh sb="0" eb="2">
      <t>シュウケイ</t>
    </rPh>
    <rPh sb="2" eb="4">
      <t>ショリ</t>
    </rPh>
    <rPh sb="5" eb="7">
      <t>ブンショ</t>
    </rPh>
    <rPh sb="7" eb="9">
      <t>サクセイ</t>
    </rPh>
    <rPh sb="9" eb="11">
      <t>ホジョ</t>
    </rPh>
    <rPh sb="12" eb="14">
      <t>ブッピン</t>
    </rPh>
    <rPh sb="14" eb="16">
      <t>セイリ</t>
    </rPh>
    <rPh sb="16" eb="17">
      <t>トウ</t>
    </rPh>
    <phoneticPr fontId="4"/>
  </si>
  <si>
    <t>都市整備局</t>
    <rPh sb="0" eb="2">
      <t>トシ</t>
    </rPh>
    <rPh sb="2" eb="4">
      <t>セイビ</t>
    </rPh>
    <rPh sb="4" eb="5">
      <t>キョク</t>
    </rPh>
    <phoneticPr fontId="1"/>
  </si>
  <si>
    <t>住宅政策本部</t>
    <rPh sb="0" eb="6">
      <t>ジュウタクセイサクホンブ</t>
    </rPh>
    <phoneticPr fontId="1"/>
  </si>
  <si>
    <t>住宅政策本部</t>
    <rPh sb="0" eb="2">
      <t>ジュウタク</t>
    </rPh>
    <rPh sb="2" eb="4">
      <t>セイサク</t>
    </rPh>
    <rPh sb="4" eb="6">
      <t>ホンブ</t>
    </rPh>
    <phoneticPr fontId="4"/>
  </si>
  <si>
    <t>建設局</t>
  </si>
  <si>
    <t>建設局</t>
    <phoneticPr fontId="4"/>
  </si>
  <si>
    <t>港湾局</t>
    <rPh sb="0" eb="2">
      <t>コウワン</t>
    </rPh>
    <rPh sb="2" eb="3">
      <t>キョク</t>
    </rPh>
    <phoneticPr fontId="1"/>
  </si>
  <si>
    <t>交通局</t>
    <rPh sb="0" eb="2">
      <t>コウツウ</t>
    </rPh>
    <rPh sb="2" eb="3">
      <t>キョク</t>
    </rPh>
    <phoneticPr fontId="3"/>
  </si>
  <si>
    <t>交通局</t>
    <rPh sb="0" eb="2">
      <t>コウツウ</t>
    </rPh>
    <rPh sb="2" eb="3">
      <t>キョク</t>
    </rPh>
    <phoneticPr fontId="1"/>
  </si>
  <si>
    <t>第二市街地整備事務所各課</t>
    <rPh sb="0" eb="2">
      <t>ダイニ</t>
    </rPh>
    <rPh sb="2" eb="5">
      <t>シガイチ</t>
    </rPh>
    <rPh sb="5" eb="7">
      <t>セイビ</t>
    </rPh>
    <rPh sb="7" eb="9">
      <t>ジム</t>
    </rPh>
    <rPh sb="9" eb="10">
      <t>ショ</t>
    </rPh>
    <rPh sb="10" eb="12">
      <t>カクカ</t>
    </rPh>
    <phoneticPr fontId="4"/>
  </si>
  <si>
    <t>東部住宅建設事務所</t>
    <rPh sb="0" eb="9">
      <t>トウブジュウタクケンセツジムショ</t>
    </rPh>
    <phoneticPr fontId="4"/>
  </si>
  <si>
    <t>都市づくり政策部 都市計画課 計画監理担当</t>
    <rPh sb="0" eb="2">
      <t>トシ</t>
    </rPh>
    <rPh sb="5" eb="7">
      <t>セイサク</t>
    </rPh>
    <rPh sb="7" eb="8">
      <t>ブ</t>
    </rPh>
    <rPh sb="9" eb="11">
      <t>トシ</t>
    </rPh>
    <rPh sb="11" eb="13">
      <t>ケイカク</t>
    </rPh>
    <rPh sb="13" eb="14">
      <t>カ</t>
    </rPh>
    <rPh sb="15" eb="17">
      <t>ケイカク</t>
    </rPh>
    <rPh sb="17" eb="19">
      <t>カンリ</t>
    </rPh>
    <rPh sb="19" eb="21">
      <t>タントウ</t>
    </rPh>
    <phoneticPr fontId="4"/>
  </si>
  <si>
    <t>都市基盤部 交通企画課 事業調整担当</t>
    <rPh sb="0" eb="2">
      <t>トシ</t>
    </rPh>
    <rPh sb="2" eb="4">
      <t>キバン</t>
    </rPh>
    <rPh sb="4" eb="5">
      <t>ブ</t>
    </rPh>
    <rPh sb="6" eb="8">
      <t>コウツウ</t>
    </rPh>
    <rPh sb="8" eb="10">
      <t>キカク</t>
    </rPh>
    <rPh sb="10" eb="11">
      <t>カ</t>
    </rPh>
    <rPh sb="12" eb="14">
      <t>ジギョウ</t>
    </rPh>
    <rPh sb="14" eb="16">
      <t>チョウセイ</t>
    </rPh>
    <rPh sb="16" eb="18">
      <t>タントウ</t>
    </rPh>
    <phoneticPr fontId="4"/>
  </si>
  <si>
    <t>市街地整備部 企画課 企画調整担当</t>
    <rPh sb="0" eb="3">
      <t>シガイチ</t>
    </rPh>
    <rPh sb="3" eb="5">
      <t>セイビ</t>
    </rPh>
    <rPh sb="5" eb="6">
      <t>ブ</t>
    </rPh>
    <rPh sb="7" eb="9">
      <t>キカク</t>
    </rPh>
    <rPh sb="9" eb="10">
      <t>カ</t>
    </rPh>
    <rPh sb="11" eb="13">
      <t>キカク</t>
    </rPh>
    <rPh sb="13" eb="15">
      <t>チョウセイ</t>
    </rPh>
    <rPh sb="15" eb="17">
      <t>タントウ</t>
    </rPh>
    <phoneticPr fontId="4"/>
  </si>
  <si>
    <t>市街地建築部 建築企画課 耐震化推進担当</t>
    <rPh sb="0" eb="3">
      <t>シガイチ</t>
    </rPh>
    <rPh sb="3" eb="5">
      <t>ケンチク</t>
    </rPh>
    <rPh sb="5" eb="6">
      <t>ブ</t>
    </rPh>
    <rPh sb="7" eb="9">
      <t>ケンチク</t>
    </rPh>
    <rPh sb="9" eb="11">
      <t>キカク</t>
    </rPh>
    <rPh sb="11" eb="12">
      <t>カ</t>
    </rPh>
    <rPh sb="13" eb="16">
      <t>タイシンカ</t>
    </rPh>
    <rPh sb="16" eb="18">
      <t>スイシン</t>
    </rPh>
    <rPh sb="18" eb="20">
      <t>タントウ</t>
    </rPh>
    <phoneticPr fontId="4"/>
  </si>
  <si>
    <t>住宅企画部 企画経理課 計理担当</t>
    <rPh sb="0" eb="2">
      <t>ジュウタク</t>
    </rPh>
    <rPh sb="2" eb="4">
      <t>キカク</t>
    </rPh>
    <rPh sb="4" eb="5">
      <t>ブ</t>
    </rPh>
    <rPh sb="6" eb="8">
      <t>キカク</t>
    </rPh>
    <rPh sb="8" eb="11">
      <t>ケイリカ</t>
    </rPh>
    <rPh sb="12" eb="14">
      <t>ケイリ</t>
    </rPh>
    <rPh sb="14" eb="16">
      <t>タントウ</t>
    </rPh>
    <phoneticPr fontId="4"/>
  </si>
  <si>
    <t>住宅企画部 技術管理課 調整担当</t>
    <rPh sb="0" eb="5">
      <t>ジュキ</t>
    </rPh>
    <rPh sb="6" eb="11">
      <t>ギジュ</t>
    </rPh>
    <rPh sb="12" eb="14">
      <t>チョウセイ</t>
    </rPh>
    <rPh sb="14" eb="16">
      <t>タントウ</t>
    </rPh>
    <phoneticPr fontId="4"/>
  </si>
  <si>
    <t>民間住宅部 安心居住推進課
高齢者住宅担当/計画課 管理担当</t>
    <rPh sb="0" eb="2">
      <t>ミンカン</t>
    </rPh>
    <rPh sb="2" eb="4">
      <t>ジュウタク</t>
    </rPh>
    <rPh sb="4" eb="5">
      <t>ブ</t>
    </rPh>
    <rPh sb="6" eb="8">
      <t>アンシン</t>
    </rPh>
    <rPh sb="8" eb="10">
      <t>キョジュウ</t>
    </rPh>
    <rPh sb="10" eb="12">
      <t>スイシン</t>
    </rPh>
    <rPh sb="12" eb="13">
      <t>カ</t>
    </rPh>
    <rPh sb="14" eb="17">
      <t>コウレイシャ</t>
    </rPh>
    <rPh sb="17" eb="19">
      <t>ジュウタク</t>
    </rPh>
    <rPh sb="19" eb="21">
      <t>タントウ</t>
    </rPh>
    <rPh sb="22" eb="25">
      <t>ケイカクカ</t>
    </rPh>
    <rPh sb="26" eb="28">
      <t>カンリ</t>
    </rPh>
    <rPh sb="28" eb="30">
      <t>タントウ</t>
    </rPh>
    <phoneticPr fontId="4"/>
  </si>
  <si>
    <t>民間住宅部 マンション課 マンション管理担当</t>
    <rPh sb="0" eb="2">
      <t>ミンカン</t>
    </rPh>
    <rPh sb="2" eb="4">
      <t>ジュウタク</t>
    </rPh>
    <rPh sb="4" eb="5">
      <t>ブ</t>
    </rPh>
    <rPh sb="11" eb="12">
      <t>カ</t>
    </rPh>
    <rPh sb="18" eb="20">
      <t>カンリ</t>
    </rPh>
    <rPh sb="20" eb="22">
      <t>タントウ</t>
    </rPh>
    <phoneticPr fontId="4"/>
  </si>
  <si>
    <t>都営住宅経営部 経営企画課計画担当</t>
    <rPh sb="0" eb="2">
      <t>トエイ</t>
    </rPh>
    <rPh sb="2" eb="4">
      <t>ジュウタク</t>
    </rPh>
    <rPh sb="4" eb="6">
      <t>ケイエイ</t>
    </rPh>
    <rPh sb="6" eb="7">
      <t>ブ</t>
    </rPh>
    <rPh sb="8" eb="10">
      <t>ケイエイ</t>
    </rPh>
    <rPh sb="10" eb="12">
      <t>キカク</t>
    </rPh>
    <rPh sb="12" eb="13">
      <t>カ</t>
    </rPh>
    <rPh sb="13" eb="15">
      <t>ケイカク</t>
    </rPh>
    <rPh sb="15" eb="17">
      <t>タントウ</t>
    </rPh>
    <phoneticPr fontId="4"/>
  </si>
  <si>
    <t>都営住宅経営部 住宅整備課 建設管理担当</t>
    <rPh sb="0" eb="2">
      <t>トエイ</t>
    </rPh>
    <rPh sb="2" eb="4">
      <t>ジュウタク</t>
    </rPh>
    <rPh sb="4" eb="6">
      <t>ケイエイ</t>
    </rPh>
    <rPh sb="6" eb="7">
      <t>ブ</t>
    </rPh>
    <rPh sb="8" eb="10">
      <t>ジュウタク</t>
    </rPh>
    <rPh sb="10" eb="12">
      <t>セイビ</t>
    </rPh>
    <rPh sb="12" eb="13">
      <t>カ</t>
    </rPh>
    <rPh sb="14" eb="16">
      <t>ケンセツ</t>
    </rPh>
    <rPh sb="16" eb="18">
      <t>カンリ</t>
    </rPh>
    <rPh sb="18" eb="20">
      <t>タントウ</t>
    </rPh>
    <phoneticPr fontId="4"/>
  </si>
  <si>
    <t>総務部 企画課/技術管理課</t>
    <rPh sb="0" eb="2">
      <t>ソウム</t>
    </rPh>
    <rPh sb="2" eb="3">
      <t>ブ</t>
    </rPh>
    <rPh sb="4" eb="6">
      <t>キカク</t>
    </rPh>
    <rPh sb="6" eb="7">
      <t>カ</t>
    </rPh>
    <rPh sb="8" eb="10">
      <t>ギジュツ</t>
    </rPh>
    <rPh sb="10" eb="12">
      <t>カンリ</t>
    </rPh>
    <rPh sb="12" eb="13">
      <t>カ</t>
    </rPh>
    <phoneticPr fontId="3"/>
  </si>
  <si>
    <t>道路管理部 保全課/安全施設課</t>
    <rPh sb="6" eb="8">
      <t>ホゼン</t>
    </rPh>
    <rPh sb="10" eb="12">
      <t>アンゼン</t>
    </rPh>
    <rPh sb="12" eb="14">
      <t>シセツ</t>
    </rPh>
    <rPh sb="14" eb="15">
      <t>カ</t>
    </rPh>
    <phoneticPr fontId="3"/>
  </si>
  <si>
    <t>道路建設部 計画課/鉄道関連事業課/街路課/道路橋梁課</t>
    <rPh sb="2" eb="4">
      <t>ケンセツ</t>
    </rPh>
    <rPh sb="6" eb="8">
      <t>ケイカク</t>
    </rPh>
    <rPh sb="8" eb="9">
      <t>カ</t>
    </rPh>
    <rPh sb="10" eb="12">
      <t>テツドウ</t>
    </rPh>
    <rPh sb="12" eb="14">
      <t>カンレン</t>
    </rPh>
    <rPh sb="14" eb="16">
      <t>ジギョウ</t>
    </rPh>
    <rPh sb="16" eb="17">
      <t>カ</t>
    </rPh>
    <rPh sb="18" eb="20">
      <t>ガイロ</t>
    </rPh>
    <rPh sb="20" eb="21">
      <t>カ</t>
    </rPh>
    <rPh sb="22" eb="24">
      <t>ドウロ</t>
    </rPh>
    <rPh sb="24" eb="26">
      <t>キョウリョウ</t>
    </rPh>
    <rPh sb="26" eb="27">
      <t>カ</t>
    </rPh>
    <phoneticPr fontId="3"/>
  </si>
  <si>
    <t>公園緑地部 公園建設課</t>
    <rPh sb="0" eb="5">
      <t>コウエンリョクチブ</t>
    </rPh>
    <rPh sb="6" eb="8">
      <t>コウエン</t>
    </rPh>
    <rPh sb="8" eb="10">
      <t>ケンセツ</t>
    </rPh>
    <rPh sb="10" eb="11">
      <t>カ</t>
    </rPh>
    <phoneticPr fontId="4"/>
  </si>
  <si>
    <t>河川部 防災課</t>
    <rPh sb="4" eb="6">
      <t>ボウサイ</t>
    </rPh>
    <rPh sb="6" eb="7">
      <t>カ</t>
    </rPh>
    <phoneticPr fontId="3"/>
  </si>
  <si>
    <t>第一建設事務所 各課</t>
    <rPh sb="0" eb="7">
      <t>ダイイチケンセツジムショ</t>
    </rPh>
    <rPh sb="8" eb="10">
      <t>カクカ</t>
    </rPh>
    <phoneticPr fontId="3"/>
  </si>
  <si>
    <t>第四建設事務所 工事第一課/工事第二課/補修課</t>
    <rPh sb="0" eb="1">
      <t>ダイ</t>
    </rPh>
    <rPh sb="1" eb="2">
      <t>ヨン</t>
    </rPh>
    <rPh sb="2" eb="4">
      <t>ケンセツ</t>
    </rPh>
    <rPh sb="4" eb="6">
      <t>ジム</t>
    </rPh>
    <rPh sb="6" eb="7">
      <t>ショ</t>
    </rPh>
    <rPh sb="8" eb="10">
      <t>コウジ</t>
    </rPh>
    <rPh sb="10" eb="12">
      <t>ダイイチ</t>
    </rPh>
    <rPh sb="12" eb="13">
      <t>カ</t>
    </rPh>
    <rPh sb="14" eb="16">
      <t>コウジ</t>
    </rPh>
    <rPh sb="16" eb="17">
      <t>ダイ</t>
    </rPh>
    <rPh sb="17" eb="19">
      <t>ニカ</t>
    </rPh>
    <rPh sb="20" eb="22">
      <t>ホシュウ</t>
    </rPh>
    <rPh sb="22" eb="23">
      <t>カ</t>
    </rPh>
    <phoneticPr fontId="3"/>
  </si>
  <si>
    <t>第五建設事務所 工事課/補修課</t>
    <rPh sb="1" eb="2">
      <t>ゴ</t>
    </rPh>
    <phoneticPr fontId="3"/>
  </si>
  <si>
    <t>第六建設事務所 管理課/用地課/工事課/補修課　</t>
    <phoneticPr fontId="4"/>
  </si>
  <si>
    <t>西多摩建設事務所 工事第一課/工事第二課/補修課</t>
    <rPh sb="9" eb="14">
      <t>コウ</t>
    </rPh>
    <rPh sb="15" eb="17">
      <t>コウジ</t>
    </rPh>
    <rPh sb="17" eb="18">
      <t>ダイ</t>
    </rPh>
    <rPh sb="18" eb="20">
      <t>ニカ</t>
    </rPh>
    <rPh sb="21" eb="24">
      <t>ホシ</t>
    </rPh>
    <phoneticPr fontId="3"/>
  </si>
  <si>
    <t>南多摩東部建設事務所 管理課/用地課/工事課/補修課</t>
    <phoneticPr fontId="4"/>
  </si>
  <si>
    <t>南多摩西部建設事務所 工事課・補修課</t>
    <rPh sb="0" eb="10">
      <t>ナンセイ</t>
    </rPh>
    <rPh sb="11" eb="14">
      <t>コウジカ</t>
    </rPh>
    <rPh sb="15" eb="17">
      <t>ホシュウ</t>
    </rPh>
    <rPh sb="17" eb="18">
      <t>カ</t>
    </rPh>
    <phoneticPr fontId="3"/>
  </si>
  <si>
    <t>北多摩南部建設事務所 工事第一課/工事第二課/補修課</t>
    <rPh sb="0" eb="3">
      <t>キタタマ</t>
    </rPh>
    <rPh sb="3" eb="5">
      <t>ナンブ</t>
    </rPh>
    <rPh sb="5" eb="7">
      <t>ケンセツ</t>
    </rPh>
    <rPh sb="7" eb="9">
      <t>ジム</t>
    </rPh>
    <rPh sb="9" eb="10">
      <t>ショ</t>
    </rPh>
    <rPh sb="11" eb="13">
      <t>コウジ</t>
    </rPh>
    <rPh sb="13" eb="15">
      <t>ダイイチ</t>
    </rPh>
    <rPh sb="15" eb="16">
      <t>カ</t>
    </rPh>
    <rPh sb="17" eb="19">
      <t>コウジ</t>
    </rPh>
    <rPh sb="19" eb="21">
      <t>ダイニ</t>
    </rPh>
    <rPh sb="21" eb="22">
      <t>カ</t>
    </rPh>
    <rPh sb="23" eb="25">
      <t>ホシュウ</t>
    </rPh>
    <rPh sb="25" eb="26">
      <t>カ</t>
    </rPh>
    <phoneticPr fontId="3"/>
  </si>
  <si>
    <t>北多摩北部建設事務所 各課</t>
    <rPh sb="11" eb="13">
      <t>カクカ</t>
    </rPh>
    <phoneticPr fontId="3"/>
  </si>
  <si>
    <t>東部公園緑地事務所 管理課/事業推進課/工事課</t>
    <rPh sb="10" eb="13">
      <t>カンリカ</t>
    </rPh>
    <phoneticPr fontId="3"/>
  </si>
  <si>
    <t>西部公園緑地事務所 管理課/工事課</t>
    <phoneticPr fontId="4"/>
  </si>
  <si>
    <t>江東治水事務所 高潮工事課/内部河川工事課/特定施設建設課/水門管理課</t>
    <rPh sb="0" eb="7">
      <t>コウトウチスイジムショ</t>
    </rPh>
    <rPh sb="8" eb="10">
      <t>タカシオ</t>
    </rPh>
    <rPh sb="10" eb="12">
      <t>コウジ</t>
    </rPh>
    <rPh sb="14" eb="16">
      <t>ナイブ</t>
    </rPh>
    <rPh sb="16" eb="18">
      <t>カセン</t>
    </rPh>
    <rPh sb="18" eb="20">
      <t>コウジ</t>
    </rPh>
    <rPh sb="22" eb="29">
      <t>トクテイシセツケンセツカ</t>
    </rPh>
    <rPh sb="30" eb="32">
      <t>スイモン</t>
    </rPh>
    <rPh sb="32" eb="34">
      <t>カンリ</t>
    </rPh>
    <rPh sb="34" eb="35">
      <t>カ</t>
    </rPh>
    <phoneticPr fontId="3"/>
  </si>
  <si>
    <t>総務部 総務課 広報担当</t>
    <rPh sb="0" eb="2">
      <t>ソウム</t>
    </rPh>
    <rPh sb="2" eb="3">
      <t>ブ</t>
    </rPh>
    <rPh sb="4" eb="7">
      <t>ソウムカ</t>
    </rPh>
    <rPh sb="8" eb="10">
      <t>コウホウ</t>
    </rPh>
    <rPh sb="10" eb="12">
      <t>タントウ</t>
    </rPh>
    <phoneticPr fontId="4"/>
  </si>
  <si>
    <t>東京港建設事務所 港湾整備課</t>
    <rPh sb="0" eb="2">
      <t>トウキョウ</t>
    </rPh>
    <rPh sb="2" eb="3">
      <t>コウ</t>
    </rPh>
    <rPh sb="3" eb="7">
      <t>ケンセツジム</t>
    </rPh>
    <rPh sb="7" eb="8">
      <t>ショ</t>
    </rPh>
    <phoneticPr fontId="4"/>
  </si>
  <si>
    <t>東京港建設事務所 海岸整備課</t>
    <rPh sb="0" eb="2">
      <t>トウキョウ</t>
    </rPh>
    <rPh sb="2" eb="3">
      <t>コウ</t>
    </rPh>
    <rPh sb="3" eb="7">
      <t>ケンセツジム</t>
    </rPh>
    <rPh sb="7" eb="8">
      <t>ショ</t>
    </rPh>
    <phoneticPr fontId="4"/>
  </si>
  <si>
    <t>東京港管理事務所 港湾道路管理課 調整担当</t>
    <rPh sb="0" eb="2">
      <t>トウキョウ</t>
    </rPh>
    <rPh sb="2" eb="3">
      <t>コウ</t>
    </rPh>
    <rPh sb="3" eb="5">
      <t>カンリ</t>
    </rPh>
    <rPh sb="5" eb="7">
      <t>ジム</t>
    </rPh>
    <rPh sb="7" eb="8">
      <t>ショ</t>
    </rPh>
    <phoneticPr fontId="4"/>
  </si>
  <si>
    <t>東京港管理事務所 臨海地域管理課 施設担当</t>
    <rPh sb="0" eb="2">
      <t>トウキョウ</t>
    </rPh>
    <rPh sb="2" eb="3">
      <t>コウ</t>
    </rPh>
    <rPh sb="3" eb="5">
      <t>カンリ</t>
    </rPh>
    <rPh sb="5" eb="7">
      <t>ジム</t>
    </rPh>
    <rPh sb="7" eb="8">
      <t>ショ</t>
    </rPh>
    <phoneticPr fontId="4"/>
  </si>
  <si>
    <t>東京港管理事務所 施設補修課 工務担当</t>
    <rPh sb="0" eb="2">
      <t>トウキョウ</t>
    </rPh>
    <rPh sb="2" eb="3">
      <t>コウ</t>
    </rPh>
    <rPh sb="3" eb="5">
      <t>カンリ</t>
    </rPh>
    <rPh sb="5" eb="7">
      <t>ジム</t>
    </rPh>
    <rPh sb="7" eb="8">
      <t>ショ</t>
    </rPh>
    <phoneticPr fontId="4"/>
  </si>
  <si>
    <t>離島港湾部 計画課／建設課</t>
    <rPh sb="0" eb="5">
      <t>リトウコウワンブ</t>
    </rPh>
    <rPh sb="6" eb="9">
      <t>ケイカクカ</t>
    </rPh>
    <rPh sb="10" eb="12">
      <t>ケンセツ</t>
    </rPh>
    <rPh sb="12" eb="13">
      <t>カ</t>
    </rPh>
    <phoneticPr fontId="4"/>
  </si>
  <si>
    <t>電車部 管理課/営業課</t>
    <rPh sb="0" eb="3">
      <t>デンシャブ</t>
    </rPh>
    <rPh sb="4" eb="7">
      <t>カンリカ</t>
    </rPh>
    <rPh sb="8" eb="11">
      <t>エイギョウカ</t>
    </rPh>
    <phoneticPr fontId="3"/>
  </si>
  <si>
    <t>車両電気部 電力課 計画担当</t>
    <rPh sb="0" eb="5">
      <t>シャリョウデンキブ</t>
    </rPh>
    <rPh sb="6" eb="9">
      <t>デンリョクカ</t>
    </rPh>
    <rPh sb="10" eb="14">
      <t>ケイカクタントウ</t>
    </rPh>
    <phoneticPr fontId="4"/>
  </si>
  <si>
    <t>職員部 人事課・研修所</t>
    <rPh sb="0" eb="3">
      <t>ショクインブ</t>
    </rPh>
    <rPh sb="4" eb="7">
      <t>ジンジカ</t>
    </rPh>
    <rPh sb="8" eb="11">
      <t>ケンシュウジョ</t>
    </rPh>
    <phoneticPr fontId="4"/>
  </si>
  <si>
    <t>建設工務部 計画改良課</t>
    <rPh sb="0" eb="2">
      <t>ケンセツ</t>
    </rPh>
    <rPh sb="2" eb="4">
      <t>コウム</t>
    </rPh>
    <rPh sb="4" eb="5">
      <t>ブ</t>
    </rPh>
    <rPh sb="6" eb="8">
      <t>ケイカク</t>
    </rPh>
    <rPh sb="8" eb="10">
      <t>カイリョウ</t>
    </rPh>
    <rPh sb="10" eb="11">
      <t>カ</t>
    </rPh>
    <phoneticPr fontId="3"/>
  </si>
  <si>
    <t>建設工務部 建築課</t>
    <rPh sb="0" eb="5">
      <t>ケンセツコウムブ</t>
    </rPh>
    <rPh sb="6" eb="9">
      <t>ケンチクカ</t>
    </rPh>
    <phoneticPr fontId="4"/>
  </si>
  <si>
    <t>理系</t>
    <rPh sb="0" eb="2">
      <t>リケイ</t>
    </rPh>
    <phoneticPr fontId="4"/>
  </si>
  <si>
    <t>建築</t>
    <rPh sb="0" eb="2">
      <t>ケンチク</t>
    </rPh>
    <phoneticPr fontId="4"/>
  </si>
  <si>
    <t>造園</t>
    <rPh sb="0" eb="2">
      <t>ゾウエン</t>
    </rPh>
    <phoneticPr fontId="4"/>
  </si>
  <si>
    <t>造園</t>
    <rPh sb="0" eb="2">
      <t>ゾウエン</t>
    </rPh>
    <phoneticPr fontId="3"/>
  </si>
  <si>
    <t>電気
機械</t>
    <rPh sb="0" eb="2">
      <t>デンキ</t>
    </rPh>
    <rPh sb="3" eb="5">
      <t>キカイ</t>
    </rPh>
    <phoneticPr fontId="4"/>
  </si>
  <si>
    <t>事務</t>
  </si>
  <si>
    <t>土木
建築</t>
    <rPh sb="0" eb="2">
      <t>ドボク</t>
    </rPh>
    <rPh sb="3" eb="5">
      <t>ケンチク</t>
    </rPh>
    <phoneticPr fontId="4"/>
  </si>
  <si>
    <t>東京都都市計画審議会に関する資料作成補助等、現場視察</t>
    <rPh sb="22" eb="24">
      <t>ゲンバ</t>
    </rPh>
    <rPh sb="24" eb="26">
      <t>シサツ</t>
    </rPh>
    <phoneticPr fontId="4"/>
  </si>
  <si>
    <t>都市交通施策等に係る計画や調査に関する事務補助、施設視察</t>
  </si>
  <si>
    <t>土地区画整理事業・市街地再開発事業等事務補助、現場視察</t>
    <phoneticPr fontId="4"/>
  </si>
  <si>
    <t>各種調査、資料作成、PR方法検討、耐震関連会議開催補助、現場調査等</t>
    <rPh sb="0" eb="2">
      <t>カクシュ</t>
    </rPh>
    <rPh sb="2" eb="4">
      <t>チョウサ</t>
    </rPh>
    <rPh sb="5" eb="7">
      <t>シリョウ</t>
    </rPh>
    <rPh sb="7" eb="9">
      <t>サクセイ</t>
    </rPh>
    <rPh sb="12" eb="14">
      <t>ホウホウ</t>
    </rPh>
    <rPh sb="14" eb="16">
      <t>ケントウ</t>
    </rPh>
    <rPh sb="17" eb="19">
      <t>タイシン</t>
    </rPh>
    <rPh sb="19" eb="21">
      <t>カンレン</t>
    </rPh>
    <rPh sb="21" eb="23">
      <t>カイギ</t>
    </rPh>
    <rPh sb="23" eb="25">
      <t>カイサイ</t>
    </rPh>
    <rPh sb="25" eb="27">
      <t>ホジョ</t>
    </rPh>
    <rPh sb="28" eb="30">
      <t>ゲンバ</t>
    </rPh>
    <rPh sb="30" eb="32">
      <t>チョウサ</t>
    </rPh>
    <rPh sb="32" eb="33">
      <t>ナド</t>
    </rPh>
    <phoneticPr fontId="4"/>
  </si>
  <si>
    <t>事務所業務に関する事務補助　等</t>
    <rPh sb="0" eb="2">
      <t>ジム</t>
    </rPh>
    <rPh sb="2" eb="3">
      <t>ショ</t>
    </rPh>
    <rPh sb="3" eb="5">
      <t>ギョウム</t>
    </rPh>
    <rPh sb="14" eb="15">
      <t>トウ</t>
    </rPh>
    <phoneticPr fontId="4"/>
  </si>
  <si>
    <t>マンション施策（分譲マンションの管理組合に対する助言等を通じた管理の適正化の促進、耐震化、建替え支援等）に関する事務補助、視察等</t>
    <rPh sb="5" eb="7">
      <t>シサク</t>
    </rPh>
    <rPh sb="8" eb="10">
      <t>ブンジョウ</t>
    </rPh>
    <rPh sb="16" eb="18">
      <t>カンリ</t>
    </rPh>
    <rPh sb="18" eb="20">
      <t>クミアイ</t>
    </rPh>
    <rPh sb="21" eb="22">
      <t>タイ</t>
    </rPh>
    <rPh sb="24" eb="26">
      <t>ジョゲン</t>
    </rPh>
    <rPh sb="26" eb="27">
      <t>トウ</t>
    </rPh>
    <rPh sb="28" eb="29">
      <t>ツウ</t>
    </rPh>
    <rPh sb="31" eb="33">
      <t>カンリ</t>
    </rPh>
    <rPh sb="34" eb="37">
      <t>テキセイカ</t>
    </rPh>
    <rPh sb="38" eb="40">
      <t>ソクシン</t>
    </rPh>
    <rPh sb="41" eb="43">
      <t>タイシン</t>
    </rPh>
    <rPh sb="43" eb="44">
      <t>カ</t>
    </rPh>
    <rPh sb="45" eb="47">
      <t>タテカ</t>
    </rPh>
    <rPh sb="48" eb="50">
      <t>シエン</t>
    </rPh>
    <rPh sb="50" eb="51">
      <t>トウ</t>
    </rPh>
    <rPh sb="61" eb="63">
      <t>シサツ</t>
    </rPh>
    <rPh sb="63" eb="64">
      <t>トウ</t>
    </rPh>
    <phoneticPr fontId="4"/>
  </si>
  <si>
    <t>建設局事業の企画・技術管理等に係る事務補助（資料作成補助等）</t>
    <rPh sb="0" eb="2">
      <t>ケンセツ</t>
    </rPh>
    <rPh sb="2" eb="3">
      <t>キョク</t>
    </rPh>
    <rPh sb="3" eb="5">
      <t>ジギョウ</t>
    </rPh>
    <rPh sb="9" eb="11">
      <t>ギジュツ</t>
    </rPh>
    <rPh sb="11" eb="13">
      <t>カンリ</t>
    </rPh>
    <rPh sb="28" eb="29">
      <t>トウ</t>
    </rPh>
    <phoneticPr fontId="11"/>
  </si>
  <si>
    <t>道路保全、交通安全施設事業に係る事務補助（現地調査、資料作成補助等）</t>
    <rPh sb="0" eb="2">
      <t>ドウロ</t>
    </rPh>
    <rPh sb="2" eb="4">
      <t>ホゼン</t>
    </rPh>
    <rPh sb="5" eb="7">
      <t>コウツウ</t>
    </rPh>
    <rPh sb="7" eb="9">
      <t>アンゼン</t>
    </rPh>
    <rPh sb="9" eb="11">
      <t>シセツ</t>
    </rPh>
    <rPh sb="21" eb="23">
      <t>ゲンチ</t>
    </rPh>
    <rPh sb="23" eb="25">
      <t>チョウサ</t>
    </rPh>
    <rPh sb="32" eb="33">
      <t>トウ</t>
    </rPh>
    <phoneticPr fontId="11"/>
  </si>
  <si>
    <t>道路整備に係る事務補助（現地調査、資料作成補助等）</t>
    <rPh sb="0" eb="2">
      <t>ドウロ</t>
    </rPh>
    <rPh sb="2" eb="4">
      <t>セイビ</t>
    </rPh>
    <rPh sb="12" eb="14">
      <t>ゲンチ</t>
    </rPh>
    <rPh sb="14" eb="16">
      <t>チョウサ</t>
    </rPh>
    <rPh sb="23" eb="24">
      <t>トウ</t>
    </rPh>
    <phoneticPr fontId="11"/>
  </si>
  <si>
    <t>公園の整備及び管理業務に伴う資料作成、現場調査　等</t>
    <rPh sb="0" eb="2">
      <t>コウエン</t>
    </rPh>
    <rPh sb="3" eb="5">
      <t>セイビ</t>
    </rPh>
    <rPh sb="5" eb="6">
      <t>オヨ</t>
    </rPh>
    <rPh sb="7" eb="9">
      <t>カンリ</t>
    </rPh>
    <rPh sb="9" eb="11">
      <t>ギョウム</t>
    </rPh>
    <rPh sb="12" eb="13">
      <t>トモナ</t>
    </rPh>
    <rPh sb="14" eb="16">
      <t>シリョウ</t>
    </rPh>
    <rPh sb="16" eb="18">
      <t>サクセイ</t>
    </rPh>
    <phoneticPr fontId="4"/>
  </si>
  <si>
    <t>河川防災事業に係る事務補助（水防訓練、現場調査、資料作成補助等）</t>
    <rPh sb="0" eb="2">
      <t>カセン</t>
    </rPh>
    <rPh sb="2" eb="4">
      <t>ボウサイ</t>
    </rPh>
    <rPh sb="4" eb="6">
      <t>ジギョウ</t>
    </rPh>
    <rPh sb="7" eb="8">
      <t>カカ</t>
    </rPh>
    <rPh sb="9" eb="11">
      <t>ジム</t>
    </rPh>
    <rPh sb="11" eb="13">
      <t>ホジョ</t>
    </rPh>
    <rPh sb="14" eb="16">
      <t>スイボウ</t>
    </rPh>
    <rPh sb="16" eb="18">
      <t>クンレン</t>
    </rPh>
    <rPh sb="19" eb="21">
      <t>ゲンバ</t>
    </rPh>
    <rPh sb="21" eb="23">
      <t>チョウサ</t>
    </rPh>
    <rPh sb="24" eb="26">
      <t>シリョウ</t>
    </rPh>
    <rPh sb="26" eb="28">
      <t>サクセイ</t>
    </rPh>
    <rPh sb="28" eb="30">
      <t>ホジョ</t>
    </rPh>
    <rPh sb="30" eb="31">
      <t>トウ</t>
    </rPh>
    <phoneticPr fontId="11"/>
  </si>
  <si>
    <t>道路・河川の整備及び維持管理</t>
    <rPh sb="0" eb="2">
      <t>ドウロ</t>
    </rPh>
    <rPh sb="3" eb="5">
      <t>カセン</t>
    </rPh>
    <rPh sb="6" eb="8">
      <t>セイビ</t>
    </rPh>
    <rPh sb="8" eb="9">
      <t>オヨ</t>
    </rPh>
    <rPh sb="10" eb="12">
      <t>イジ</t>
    </rPh>
    <rPh sb="12" eb="14">
      <t>カンリ</t>
    </rPh>
    <phoneticPr fontId="11"/>
  </si>
  <si>
    <t>道路、橋りょう、河川の整備・維持管理に関する業務補助、現地調査　等</t>
    <rPh sb="0" eb="2">
      <t>ドウロ</t>
    </rPh>
    <rPh sb="3" eb="4">
      <t>キョウ</t>
    </rPh>
    <rPh sb="8" eb="10">
      <t>カセン</t>
    </rPh>
    <rPh sb="11" eb="13">
      <t>セイビ</t>
    </rPh>
    <rPh sb="14" eb="16">
      <t>イジ</t>
    </rPh>
    <rPh sb="16" eb="18">
      <t>カンリ</t>
    </rPh>
    <rPh sb="19" eb="20">
      <t>カン</t>
    </rPh>
    <rPh sb="22" eb="24">
      <t>ギョウム</t>
    </rPh>
    <rPh sb="24" eb="26">
      <t>ホジョ</t>
    </rPh>
    <rPh sb="27" eb="29">
      <t>ゲンチ</t>
    </rPh>
    <rPh sb="29" eb="31">
      <t>チョウサ</t>
    </rPh>
    <rPh sb="32" eb="33">
      <t>トウ</t>
    </rPh>
    <phoneticPr fontId="4"/>
  </si>
  <si>
    <t>道路・河川・橋りょう等の整備及び維持管理業務に伴う現場調査等</t>
  </si>
  <si>
    <t>道路・河川の整備及び管理業務に伴う資料の作成、現場調査　等</t>
    <rPh sb="0" eb="2">
      <t>ドウロ</t>
    </rPh>
    <rPh sb="3" eb="5">
      <t>カセン</t>
    </rPh>
    <rPh sb="6" eb="8">
      <t>セイビ</t>
    </rPh>
    <rPh sb="8" eb="9">
      <t>オヨ</t>
    </rPh>
    <rPh sb="10" eb="12">
      <t>カンリ</t>
    </rPh>
    <rPh sb="12" eb="14">
      <t>ギョウム</t>
    </rPh>
    <rPh sb="15" eb="16">
      <t>トモナ</t>
    </rPh>
    <rPh sb="17" eb="19">
      <t>シリョウ</t>
    </rPh>
    <rPh sb="20" eb="22">
      <t>サクセイ</t>
    </rPh>
    <rPh sb="23" eb="25">
      <t>ゲンバ</t>
    </rPh>
    <rPh sb="25" eb="27">
      <t>チョウサ</t>
    </rPh>
    <rPh sb="28" eb="29">
      <t>トウ</t>
    </rPh>
    <phoneticPr fontId="3"/>
  </si>
  <si>
    <t>道路・河川の整備及び管理業務に伴う資料の作成、現場調査　等</t>
  </si>
  <si>
    <t>道路・河川の整備及び管理業務に伴う住民対応等に係る資料の作成、現場調査等</t>
    <rPh sb="0" eb="2">
      <t>ドウロ</t>
    </rPh>
    <rPh sb="3" eb="5">
      <t>カセン</t>
    </rPh>
    <rPh sb="6" eb="8">
      <t>セイビ</t>
    </rPh>
    <rPh sb="8" eb="9">
      <t>オヨ</t>
    </rPh>
    <rPh sb="10" eb="12">
      <t>カンリ</t>
    </rPh>
    <rPh sb="12" eb="14">
      <t>ギョウム</t>
    </rPh>
    <rPh sb="15" eb="16">
      <t>トモナ</t>
    </rPh>
    <rPh sb="17" eb="19">
      <t>ジュウミン</t>
    </rPh>
    <rPh sb="19" eb="21">
      <t>タイオウ</t>
    </rPh>
    <rPh sb="21" eb="22">
      <t>トウ</t>
    </rPh>
    <rPh sb="23" eb="24">
      <t>カカ</t>
    </rPh>
    <rPh sb="25" eb="27">
      <t>シリョウ</t>
    </rPh>
    <rPh sb="28" eb="30">
      <t>サクセイ</t>
    </rPh>
    <rPh sb="31" eb="33">
      <t>ゲンバ</t>
    </rPh>
    <rPh sb="33" eb="35">
      <t>チョウサ</t>
    </rPh>
    <rPh sb="35" eb="36">
      <t>トウ</t>
    </rPh>
    <phoneticPr fontId="11"/>
  </si>
  <si>
    <t>道路管理・用地取得・道路整備・河川整備・道路施設の維持管理等の概要説明／各事業現地調査　等</t>
  </si>
  <si>
    <t>都立公園における事業認可事務、工事事務及び維持管理事務等の補助作業</t>
    <rPh sb="0" eb="2">
      <t>トリツ</t>
    </rPh>
    <rPh sb="2" eb="4">
      <t>コウエン</t>
    </rPh>
    <rPh sb="8" eb="10">
      <t>ジギョウ</t>
    </rPh>
    <rPh sb="10" eb="12">
      <t>ニンカ</t>
    </rPh>
    <rPh sb="12" eb="14">
      <t>ジム</t>
    </rPh>
    <rPh sb="15" eb="17">
      <t>コウジ</t>
    </rPh>
    <rPh sb="17" eb="19">
      <t>ジム</t>
    </rPh>
    <rPh sb="19" eb="20">
      <t>オヨ</t>
    </rPh>
    <rPh sb="21" eb="23">
      <t>イジ</t>
    </rPh>
    <rPh sb="23" eb="25">
      <t>カンリ</t>
    </rPh>
    <rPh sb="25" eb="27">
      <t>ジム</t>
    </rPh>
    <rPh sb="27" eb="28">
      <t>ナド</t>
    </rPh>
    <rPh sb="29" eb="31">
      <t>ホジョ</t>
    </rPh>
    <rPh sb="31" eb="33">
      <t>サギョウ</t>
    </rPh>
    <phoneticPr fontId="11"/>
  </si>
  <si>
    <t>河川の整備及び水門管理業務に伴う資料の作成、現場調査等</t>
    <rPh sb="0" eb="2">
      <t>カセン</t>
    </rPh>
    <rPh sb="3" eb="5">
      <t>セイビ</t>
    </rPh>
    <rPh sb="5" eb="6">
      <t>オヨ</t>
    </rPh>
    <rPh sb="7" eb="9">
      <t>スイモン</t>
    </rPh>
    <rPh sb="9" eb="11">
      <t>カンリ</t>
    </rPh>
    <rPh sb="11" eb="13">
      <t>ギョウム</t>
    </rPh>
    <rPh sb="14" eb="15">
      <t>トモナ</t>
    </rPh>
    <rPh sb="16" eb="18">
      <t>シリョウ</t>
    </rPh>
    <rPh sb="19" eb="21">
      <t>サクセイ</t>
    </rPh>
    <rPh sb="22" eb="24">
      <t>ゲンバ</t>
    </rPh>
    <rPh sb="24" eb="26">
      <t>チョウサ</t>
    </rPh>
    <rPh sb="26" eb="27">
      <t>トウ</t>
    </rPh>
    <phoneticPr fontId="11"/>
  </si>
  <si>
    <t>東京港視察船「東京みなと丸」の乗船受付補助等</t>
    <phoneticPr fontId="4"/>
  </si>
  <si>
    <t>港湾施設の設計業務補助/工事現場監督補助</t>
    <rPh sb="0" eb="2">
      <t>コウワン</t>
    </rPh>
    <rPh sb="2" eb="4">
      <t>シセツ</t>
    </rPh>
    <rPh sb="5" eb="7">
      <t>セッケイ</t>
    </rPh>
    <rPh sb="7" eb="9">
      <t>ギョウム</t>
    </rPh>
    <rPh sb="9" eb="11">
      <t>ホジョ</t>
    </rPh>
    <rPh sb="12" eb="14">
      <t>コウジ</t>
    </rPh>
    <rPh sb="14" eb="16">
      <t>ゲンバ</t>
    </rPh>
    <rPh sb="16" eb="18">
      <t>カントク</t>
    </rPh>
    <rPh sb="18" eb="20">
      <t>ホジョ</t>
    </rPh>
    <phoneticPr fontId="13"/>
  </si>
  <si>
    <t>海岸保全施設の設計業務補助/工事現場監督補助</t>
    <rPh sb="0" eb="2">
      <t>カイガン</t>
    </rPh>
    <rPh sb="2" eb="4">
      <t>ホゼン</t>
    </rPh>
    <rPh sb="4" eb="6">
      <t>シセツ</t>
    </rPh>
    <rPh sb="7" eb="9">
      <t>セッケイ</t>
    </rPh>
    <rPh sb="9" eb="11">
      <t>ギョウム</t>
    </rPh>
    <rPh sb="11" eb="13">
      <t>ホジョ</t>
    </rPh>
    <rPh sb="14" eb="16">
      <t>コウジ</t>
    </rPh>
    <rPh sb="16" eb="18">
      <t>ゲンバ</t>
    </rPh>
    <rPh sb="18" eb="20">
      <t>カントク</t>
    </rPh>
    <rPh sb="20" eb="22">
      <t>ホジョ</t>
    </rPh>
    <phoneticPr fontId="13"/>
  </si>
  <si>
    <t>道路設計業務補助/現場対応業務補助</t>
    <rPh sb="0" eb="2">
      <t>ドウロ</t>
    </rPh>
    <rPh sb="2" eb="4">
      <t>セッケイ</t>
    </rPh>
    <rPh sb="3" eb="4">
      <t>シセツ</t>
    </rPh>
    <rPh sb="4" eb="6">
      <t>ギョウム</t>
    </rPh>
    <rPh sb="6" eb="8">
      <t>ホジョ</t>
    </rPh>
    <rPh sb="9" eb="11">
      <t>ゲンバ</t>
    </rPh>
    <rPh sb="11" eb="13">
      <t>タイオウ</t>
    </rPh>
    <rPh sb="13" eb="15">
      <t>ギョウム</t>
    </rPh>
    <rPh sb="15" eb="17">
      <t>ホジョ</t>
    </rPh>
    <phoneticPr fontId="13"/>
  </si>
  <si>
    <t>港湾施設の設計業務補助/港湾施設工事の現場監督補助</t>
    <rPh sb="0" eb="2">
      <t>コウワン</t>
    </rPh>
    <rPh sb="2" eb="4">
      <t>シセツ</t>
    </rPh>
    <rPh sb="5" eb="7">
      <t>セッケイ</t>
    </rPh>
    <rPh sb="7" eb="9">
      <t>ギョウム</t>
    </rPh>
    <rPh sb="9" eb="11">
      <t>ホジョ</t>
    </rPh>
    <rPh sb="16" eb="18">
      <t>コウジ</t>
    </rPh>
    <rPh sb="19" eb="21">
      <t>ゲンバ</t>
    </rPh>
    <rPh sb="21" eb="23">
      <t>カントク</t>
    </rPh>
    <rPh sb="23" eb="25">
      <t>ホジョ</t>
    </rPh>
    <phoneticPr fontId="13"/>
  </si>
  <si>
    <t>離島の各施設の各基本計画・事業計画策定補助/離島の各施設の設計業務補助</t>
    <phoneticPr fontId="4"/>
  </si>
  <si>
    <t>地下鉄他電気関係保守業務補助</t>
    <rPh sb="0" eb="3">
      <t>チカテツ</t>
    </rPh>
    <rPh sb="3" eb="4">
      <t>タ</t>
    </rPh>
    <rPh sb="4" eb="6">
      <t>デンキ</t>
    </rPh>
    <rPh sb="6" eb="8">
      <t>カンケイ</t>
    </rPh>
    <rPh sb="8" eb="10">
      <t>ホシュ</t>
    </rPh>
    <rPh sb="10" eb="12">
      <t>ギョウム</t>
    </rPh>
    <rPh sb="12" eb="14">
      <t>ホジョ</t>
    </rPh>
    <phoneticPr fontId="4"/>
  </si>
  <si>
    <t>地下鉄の建設及び改良についての概要説明、現地調査、業務補助　等</t>
    <phoneticPr fontId="4"/>
  </si>
  <si>
    <t>業務概要説明/都の政策連携団体の現場視察/計理・出納事務に関する事務補助/住宅政策に係る企画提案に関する事務補助　等</t>
    <rPh sb="0" eb="2">
      <t>ギョウム</t>
    </rPh>
    <rPh sb="2" eb="4">
      <t>ガイヨウ</t>
    </rPh>
    <rPh sb="4" eb="6">
      <t>セツメイ</t>
    </rPh>
    <rPh sb="21" eb="23">
      <t>ケイリ</t>
    </rPh>
    <rPh sb="24" eb="26">
      <t>スイトウ</t>
    </rPh>
    <rPh sb="26" eb="28">
      <t>ジム</t>
    </rPh>
    <rPh sb="29" eb="30">
      <t>カン</t>
    </rPh>
    <rPh sb="32" eb="34">
      <t>ジム</t>
    </rPh>
    <rPh sb="34" eb="36">
      <t>ホジョ</t>
    </rPh>
    <rPh sb="37" eb="39">
      <t>ジュウタク</t>
    </rPh>
    <rPh sb="39" eb="41">
      <t>セイサク</t>
    </rPh>
    <rPh sb="42" eb="43">
      <t>カカ</t>
    </rPh>
    <rPh sb="44" eb="46">
      <t>キカク</t>
    </rPh>
    <rPh sb="46" eb="48">
      <t>テイアン</t>
    </rPh>
    <rPh sb="49" eb="50">
      <t>カン</t>
    </rPh>
    <rPh sb="52" eb="54">
      <t>ジム</t>
    </rPh>
    <rPh sb="54" eb="56">
      <t>ホジョ</t>
    </rPh>
    <rPh sb="57" eb="58">
      <t>トウ</t>
    </rPh>
    <phoneticPr fontId="4"/>
  </si>
  <si>
    <t>資料作成（起案・単価設定作業体験）/現場視察</t>
    <rPh sb="0" eb="2">
      <t>シリョウ</t>
    </rPh>
    <rPh sb="2" eb="4">
      <t>サクセイ</t>
    </rPh>
    <rPh sb="5" eb="7">
      <t>キアン</t>
    </rPh>
    <rPh sb="8" eb="10">
      <t>タンカ</t>
    </rPh>
    <rPh sb="10" eb="12">
      <t>セッテイ</t>
    </rPh>
    <rPh sb="12" eb="14">
      <t>サギョウ</t>
    </rPh>
    <rPh sb="14" eb="16">
      <t>タイケン</t>
    </rPh>
    <rPh sb="18" eb="20">
      <t>ゲンバ</t>
    </rPh>
    <rPh sb="20" eb="22">
      <t>シサツ</t>
    </rPh>
    <phoneticPr fontId="11"/>
  </si>
  <si>
    <t>サービス付き高齢者向け住宅整備事業に関する事務補助、視察
民間住宅施策に関わる庶務事務補助（文書収受・配布、執務室管理、資料作成事務補助等）</t>
    <rPh sb="4" eb="5">
      <t>ツ</t>
    </rPh>
    <rPh sb="6" eb="9">
      <t>コウレイシャ</t>
    </rPh>
    <rPh sb="9" eb="10">
      <t>ム</t>
    </rPh>
    <rPh sb="11" eb="13">
      <t>ジュウタク</t>
    </rPh>
    <rPh sb="13" eb="15">
      <t>セイビ</t>
    </rPh>
    <rPh sb="15" eb="17">
      <t>ジギョウ</t>
    </rPh>
    <rPh sb="18" eb="19">
      <t>カン</t>
    </rPh>
    <rPh sb="21" eb="23">
      <t>ジム</t>
    </rPh>
    <rPh sb="23" eb="25">
      <t>ホジョ</t>
    </rPh>
    <rPh sb="26" eb="28">
      <t>シサツ</t>
    </rPh>
    <phoneticPr fontId="4"/>
  </si>
  <si>
    <t>国庫補助申請に関する事務補助/現場視察</t>
    <rPh sb="0" eb="2">
      <t>コッコ</t>
    </rPh>
    <rPh sb="2" eb="4">
      <t>ホジョ</t>
    </rPh>
    <rPh sb="4" eb="6">
      <t>シンセイ</t>
    </rPh>
    <rPh sb="7" eb="8">
      <t>カン</t>
    </rPh>
    <rPh sb="10" eb="12">
      <t>ジム</t>
    </rPh>
    <rPh sb="12" eb="14">
      <t>ホジョ</t>
    </rPh>
    <rPh sb="15" eb="17">
      <t>ゲンバ</t>
    </rPh>
    <rPh sb="17" eb="19">
      <t>シサツ</t>
    </rPh>
    <phoneticPr fontId="4"/>
  </si>
  <si>
    <t>都営住宅建替事業に関する事務補助/現場視察</t>
    <rPh sb="0" eb="2">
      <t>トエイ</t>
    </rPh>
    <rPh sb="2" eb="4">
      <t>ジュウタク</t>
    </rPh>
    <rPh sb="4" eb="6">
      <t>タテカ</t>
    </rPh>
    <rPh sb="6" eb="8">
      <t>ジギョウ</t>
    </rPh>
    <rPh sb="9" eb="10">
      <t>カン</t>
    </rPh>
    <rPh sb="12" eb="14">
      <t>ジム</t>
    </rPh>
    <rPh sb="14" eb="16">
      <t>ホジョ</t>
    </rPh>
    <rPh sb="17" eb="19">
      <t>ゲンバ</t>
    </rPh>
    <rPh sb="19" eb="21">
      <t>シサツ</t>
    </rPh>
    <phoneticPr fontId="4"/>
  </si>
  <si>
    <t>公営住宅建替事業に関する事務補助/現場視察</t>
    <rPh sb="0" eb="2">
      <t>コウエイ</t>
    </rPh>
    <rPh sb="2" eb="4">
      <t>ジュウタク</t>
    </rPh>
    <rPh sb="4" eb="6">
      <t>タテカ</t>
    </rPh>
    <rPh sb="6" eb="8">
      <t>ジギョウ</t>
    </rPh>
    <rPh sb="9" eb="10">
      <t>カン</t>
    </rPh>
    <rPh sb="12" eb="14">
      <t>ジム</t>
    </rPh>
    <rPh sb="14" eb="16">
      <t>ホジョ</t>
    </rPh>
    <rPh sb="17" eb="19">
      <t>ゲンバ</t>
    </rPh>
    <rPh sb="19" eb="21">
      <t>シサツ</t>
    </rPh>
    <phoneticPr fontId="4"/>
  </si>
  <si>
    <t>道路及び河川の整備、維持管理の現状の講義/工事現場調査、道路巡回点検の体験等</t>
    <rPh sb="0" eb="2">
      <t>ドウロ</t>
    </rPh>
    <rPh sb="2" eb="3">
      <t>オヨ</t>
    </rPh>
    <rPh sb="4" eb="6">
      <t>カセン</t>
    </rPh>
    <rPh sb="7" eb="9">
      <t>セイビ</t>
    </rPh>
    <rPh sb="10" eb="12">
      <t>イジ</t>
    </rPh>
    <rPh sb="12" eb="14">
      <t>カンリ</t>
    </rPh>
    <rPh sb="15" eb="17">
      <t>ゲンジョウ</t>
    </rPh>
    <rPh sb="18" eb="20">
      <t>コウギ</t>
    </rPh>
    <rPh sb="21" eb="23">
      <t>コウジ</t>
    </rPh>
    <rPh sb="23" eb="25">
      <t>ゲンバ</t>
    </rPh>
    <rPh sb="25" eb="27">
      <t>チョウサ</t>
    </rPh>
    <rPh sb="28" eb="30">
      <t>ドウロ</t>
    </rPh>
    <rPh sb="30" eb="32">
      <t>ジュンカイ</t>
    </rPh>
    <rPh sb="32" eb="34">
      <t>テンケン</t>
    </rPh>
    <rPh sb="35" eb="37">
      <t>タイケン</t>
    </rPh>
    <rPh sb="37" eb="38">
      <t>トウ</t>
    </rPh>
    <phoneticPr fontId="11"/>
  </si>
  <si>
    <t>都市公園管理現場における作業補助/事業認可等に係る基礎資料の整理、及び多摩地区における都立公園での生物多様性保全に関わる補助業務</t>
    <rPh sb="21" eb="22">
      <t>トウ</t>
    </rPh>
    <rPh sb="23" eb="24">
      <t>カカ</t>
    </rPh>
    <rPh sb="25" eb="27">
      <t>キソ</t>
    </rPh>
    <rPh sb="27" eb="29">
      <t>シリョウ</t>
    </rPh>
    <rPh sb="30" eb="32">
      <t>セイリ</t>
    </rPh>
    <rPh sb="33" eb="34">
      <t>オヨ</t>
    </rPh>
    <rPh sb="49" eb="51">
      <t>セイブツ</t>
    </rPh>
    <rPh sb="51" eb="54">
      <t>タヨウセイ</t>
    </rPh>
    <rPh sb="54" eb="56">
      <t>ホゼン</t>
    </rPh>
    <rPh sb="57" eb="58">
      <t>カカ</t>
    </rPh>
    <phoneticPr fontId="11"/>
  </si>
  <si>
    <t>事業概要説明/都営地下鉄事業に関する業務の補助/その他関連業務の補助</t>
    <rPh sb="0" eb="4">
      <t>ジギョウガイヨウ</t>
    </rPh>
    <rPh sb="4" eb="6">
      <t>セツメイ</t>
    </rPh>
    <rPh sb="7" eb="9">
      <t>トエイ</t>
    </rPh>
    <rPh sb="9" eb="12">
      <t>チカテツ</t>
    </rPh>
    <phoneticPr fontId="3"/>
  </si>
  <si>
    <t>人事・採用事務に関する補助業務/交通局研修所における研修補助業務　等</t>
    <rPh sb="0" eb="2">
      <t>ジンジ</t>
    </rPh>
    <rPh sb="16" eb="18">
      <t>コウツウ</t>
    </rPh>
    <rPh sb="18" eb="19">
      <t>キョク</t>
    </rPh>
    <rPh sb="19" eb="22">
      <t>ケンシュウジョ</t>
    </rPh>
    <rPh sb="26" eb="28">
      <t>ケンシュウ</t>
    </rPh>
    <rPh sb="28" eb="30">
      <t>ホジョ</t>
    </rPh>
    <rPh sb="30" eb="32">
      <t>ギョウム</t>
    </rPh>
    <rPh sb="33" eb="34">
      <t>トウ</t>
    </rPh>
    <phoneticPr fontId="4"/>
  </si>
  <si>
    <t>地下鉄駅施設調査（工事現場の視察など）/設計実習（地下鉄駅手洗所の平面プラン作成）/実習報告（成果発表など）</t>
    <phoneticPr fontId="4"/>
  </si>
  <si>
    <t>財務局</t>
    <rPh sb="0" eb="2">
      <t>ザイム</t>
    </rPh>
    <phoneticPr fontId="3"/>
  </si>
  <si>
    <t>財務局</t>
    <rPh sb="0" eb="2">
      <t>ザイム</t>
    </rPh>
    <rPh sb="2" eb="3">
      <t>キョク</t>
    </rPh>
    <phoneticPr fontId="1"/>
  </si>
  <si>
    <t>主税局</t>
  </si>
  <si>
    <t>財産運用部 管理課</t>
    <rPh sb="0" eb="2">
      <t>ザイサン</t>
    </rPh>
    <rPh sb="2" eb="4">
      <t>ウンヨウ</t>
    </rPh>
    <rPh sb="4" eb="5">
      <t>ブ</t>
    </rPh>
    <rPh sb="6" eb="8">
      <t>カンリ</t>
    </rPh>
    <rPh sb="8" eb="9">
      <t>カ</t>
    </rPh>
    <phoneticPr fontId="3"/>
  </si>
  <si>
    <t>建築保全部 工務課 管理担当</t>
    <rPh sb="0" eb="2">
      <t>ケンチク</t>
    </rPh>
    <rPh sb="2" eb="4">
      <t>ホゼン</t>
    </rPh>
    <rPh sb="4" eb="5">
      <t>ブ</t>
    </rPh>
    <rPh sb="6" eb="9">
      <t>コウムカ</t>
    </rPh>
    <rPh sb="10" eb="12">
      <t>カンリ</t>
    </rPh>
    <rPh sb="12" eb="14">
      <t>タントウ</t>
    </rPh>
    <phoneticPr fontId="4"/>
  </si>
  <si>
    <t>総務部 総務課
徴収部 計画課/個人都民税対策課/機動整理課</t>
    <rPh sb="0" eb="2">
      <t>ソウム</t>
    </rPh>
    <rPh sb="2" eb="3">
      <t>ブ</t>
    </rPh>
    <rPh sb="4" eb="7">
      <t>ソウムカ</t>
    </rPh>
    <phoneticPr fontId="4"/>
  </si>
  <si>
    <t>税制部 税制課/歳入課
徴収部 計画課/個人都民税対策課/機動整理課</t>
    <phoneticPr fontId="4"/>
  </si>
  <si>
    <t>政策企画局</t>
    <rPh sb="0" eb="4">
      <t>セイサクキカク</t>
    </rPh>
    <rPh sb="4" eb="5">
      <t>キョク</t>
    </rPh>
    <phoneticPr fontId="1"/>
  </si>
  <si>
    <t>子供政策連携室</t>
    <rPh sb="0" eb="2">
      <t>コドモ</t>
    </rPh>
    <rPh sb="2" eb="4">
      <t>セイサク</t>
    </rPh>
    <rPh sb="4" eb="6">
      <t>レンケイ</t>
    </rPh>
    <rPh sb="6" eb="7">
      <t>シツ</t>
    </rPh>
    <phoneticPr fontId="1"/>
  </si>
  <si>
    <t>総務局</t>
    <rPh sb="0" eb="2">
      <t>ソウム</t>
    </rPh>
    <rPh sb="2" eb="3">
      <t>キョク</t>
    </rPh>
    <phoneticPr fontId="3"/>
  </si>
  <si>
    <t>総務局</t>
    <rPh sb="0" eb="2">
      <t>ソウム</t>
    </rPh>
    <rPh sb="2" eb="3">
      <t>キョク</t>
    </rPh>
    <phoneticPr fontId="1"/>
  </si>
  <si>
    <t>デジタルサービス局</t>
    <rPh sb="8" eb="9">
      <t>キョク</t>
    </rPh>
    <phoneticPr fontId="3"/>
  </si>
  <si>
    <t>人権部企画課/人権施策推進課</t>
    <rPh sb="0" eb="2">
      <t>ジンケン</t>
    </rPh>
    <rPh sb="2" eb="3">
      <t>ブ</t>
    </rPh>
    <rPh sb="3" eb="5">
      <t>キカク</t>
    </rPh>
    <rPh sb="5" eb="6">
      <t>カ</t>
    </rPh>
    <rPh sb="7" eb="9">
      <t>ジンケン</t>
    </rPh>
    <rPh sb="9" eb="11">
      <t>シサク</t>
    </rPh>
    <rPh sb="11" eb="13">
      <t>スイシン</t>
    </rPh>
    <rPh sb="13" eb="14">
      <t>カ</t>
    </rPh>
    <phoneticPr fontId="4"/>
  </si>
  <si>
    <t>(一財)東京都人材支援事業団　人材育成センター</t>
    <rPh sb="1" eb="3">
      <t>イチザイ</t>
    </rPh>
    <rPh sb="4" eb="6">
      <t>トウキョウ</t>
    </rPh>
    <rPh sb="6" eb="7">
      <t>ト</t>
    </rPh>
    <rPh sb="7" eb="9">
      <t>ジンザイ</t>
    </rPh>
    <rPh sb="9" eb="11">
      <t>シエン</t>
    </rPh>
    <rPh sb="11" eb="14">
      <t>ジギョウダン</t>
    </rPh>
    <rPh sb="15" eb="17">
      <t>ジンザイ</t>
    </rPh>
    <rPh sb="17" eb="19">
      <t>イクセイ</t>
    </rPh>
    <phoneticPr fontId="4"/>
  </si>
  <si>
    <t>戦略広報部 戦略広報課</t>
    <rPh sb="0" eb="2">
      <t>センリャク</t>
    </rPh>
    <rPh sb="2" eb="4">
      <t>コウホウ</t>
    </rPh>
    <rPh sb="4" eb="5">
      <t>ブ</t>
    </rPh>
    <rPh sb="6" eb="8">
      <t>センリャク</t>
    </rPh>
    <rPh sb="8" eb="10">
      <t>コウホウ</t>
    </rPh>
    <rPh sb="10" eb="11">
      <t>カ</t>
    </rPh>
    <phoneticPr fontId="4"/>
  </si>
  <si>
    <t>企画調整部 プロジェクト推進課 プロジェクト推進担当</t>
    <rPh sb="0" eb="5">
      <t>キカクチョウセイブ</t>
    </rPh>
    <rPh sb="12" eb="14">
      <t>スイシン</t>
    </rPh>
    <rPh sb="14" eb="15">
      <t>カ</t>
    </rPh>
    <rPh sb="22" eb="24">
      <t>スイシン</t>
    </rPh>
    <rPh sb="24" eb="26">
      <t>タントウ</t>
    </rPh>
    <phoneticPr fontId="4"/>
  </si>
  <si>
    <t>総務部 総務課 人事担当</t>
    <rPh sb="0" eb="2">
      <t>ソウム</t>
    </rPh>
    <rPh sb="2" eb="3">
      <t>ブ</t>
    </rPh>
    <rPh sb="4" eb="7">
      <t>ソウムカ</t>
    </rPh>
    <rPh sb="8" eb="10">
      <t>ジンジ</t>
    </rPh>
    <rPh sb="10" eb="12">
      <t>タントウ</t>
    </rPh>
    <phoneticPr fontId="4"/>
  </si>
  <si>
    <t>人事部 人事課 人事担当＜採用班＞</t>
    <rPh sb="0" eb="2">
      <t>ジンジ</t>
    </rPh>
    <rPh sb="2" eb="3">
      <t>ブ</t>
    </rPh>
    <rPh sb="4" eb="7">
      <t>ジンジカ</t>
    </rPh>
    <rPh sb="8" eb="10">
      <t>ジンジ</t>
    </rPh>
    <rPh sb="10" eb="12">
      <t>タントウ</t>
    </rPh>
    <rPh sb="13" eb="15">
      <t>サイヨウ</t>
    </rPh>
    <rPh sb="15" eb="16">
      <t>ハン</t>
    </rPh>
    <phoneticPr fontId="4"/>
  </si>
  <si>
    <t>行政部 振興企画課/区政課/市町村課</t>
    <phoneticPr fontId="4"/>
  </si>
  <si>
    <t>戦略部 デジタル推進課デジタルシフト推進担当</t>
    <rPh sb="0" eb="2">
      <t>センリャク</t>
    </rPh>
    <rPh sb="2" eb="3">
      <t>ブ</t>
    </rPh>
    <rPh sb="8" eb="10">
      <t>スイシン</t>
    </rPh>
    <rPh sb="10" eb="11">
      <t>カ</t>
    </rPh>
    <rPh sb="18" eb="20">
      <t>スイシン</t>
    </rPh>
    <rPh sb="20" eb="22">
      <t>タントウ</t>
    </rPh>
    <phoneticPr fontId="3"/>
  </si>
  <si>
    <t>ICT</t>
  </si>
  <si>
    <t>広報誌、PR動画作成等の事務に関する補助／視察</t>
    <rPh sb="0" eb="3">
      <t>コウホウシ</t>
    </rPh>
    <phoneticPr fontId="4"/>
  </si>
  <si>
    <t>子供政策に関する事務補助等</t>
    <rPh sb="0" eb="4">
      <t>コドモセイサク</t>
    </rPh>
    <rPh sb="5" eb="6">
      <t>カン</t>
    </rPh>
    <rPh sb="8" eb="12">
      <t>ジムホジョ</t>
    </rPh>
    <rPh sb="12" eb="13">
      <t>トウ</t>
    </rPh>
    <phoneticPr fontId="4"/>
  </si>
  <si>
    <t>人権施策に係る事務補助、東京都人権プラザの見学</t>
    <rPh sb="0" eb="2">
      <t>ジンケン</t>
    </rPh>
    <rPh sb="2" eb="4">
      <t>シサク</t>
    </rPh>
    <rPh sb="5" eb="6">
      <t>カカ</t>
    </rPh>
    <rPh sb="7" eb="9">
      <t>ジム</t>
    </rPh>
    <rPh sb="12" eb="15">
      <t>トウキョウト</t>
    </rPh>
    <rPh sb="15" eb="17">
      <t>ジンケン</t>
    </rPh>
    <rPh sb="21" eb="23">
      <t>ケンガク</t>
    </rPh>
    <phoneticPr fontId="11"/>
  </si>
  <si>
    <t>採用PRに関する分析、検討/民間企業との人事交流に関する分析</t>
    <phoneticPr fontId="4"/>
  </si>
  <si>
    <t>事業概要説明/区市町村関係事務に関する補助/多摩島しょ地域の振興事務に関する補助　等</t>
    <rPh sb="0" eb="2">
      <t>ジギョウ</t>
    </rPh>
    <rPh sb="2" eb="4">
      <t>ガイヨウ</t>
    </rPh>
    <rPh sb="4" eb="6">
      <t>セツメイ</t>
    </rPh>
    <rPh sb="7" eb="8">
      <t>ク</t>
    </rPh>
    <rPh sb="8" eb="11">
      <t>シチョウソン</t>
    </rPh>
    <rPh sb="11" eb="13">
      <t>カンケイ</t>
    </rPh>
    <rPh sb="13" eb="15">
      <t>ジム</t>
    </rPh>
    <rPh sb="16" eb="17">
      <t>カン</t>
    </rPh>
    <rPh sb="19" eb="21">
      <t>ホジョ</t>
    </rPh>
    <rPh sb="22" eb="24">
      <t>タマ</t>
    </rPh>
    <rPh sb="32" eb="34">
      <t>ジム</t>
    </rPh>
    <rPh sb="38" eb="40">
      <t>ホジョ</t>
    </rPh>
    <rPh sb="41" eb="42">
      <t>トウ</t>
    </rPh>
    <phoneticPr fontId="4"/>
  </si>
  <si>
    <t>事業概要説明/研修運営業務補助/研修施設見学　　　</t>
    <rPh sb="0" eb="2">
      <t>ジギョウ</t>
    </rPh>
    <rPh sb="2" eb="4">
      <t>ガイヨウ</t>
    </rPh>
    <rPh sb="4" eb="6">
      <t>セツメイ</t>
    </rPh>
    <rPh sb="7" eb="9">
      <t>ケンシュウ</t>
    </rPh>
    <rPh sb="9" eb="11">
      <t>ウンエイ</t>
    </rPh>
    <rPh sb="11" eb="13">
      <t>ギョウム</t>
    </rPh>
    <rPh sb="13" eb="15">
      <t>ホジョ</t>
    </rPh>
    <rPh sb="16" eb="18">
      <t>ケンシュウ</t>
    </rPh>
    <rPh sb="18" eb="20">
      <t>シセツ</t>
    </rPh>
    <rPh sb="20" eb="22">
      <t>ケンガク</t>
    </rPh>
    <phoneticPr fontId="4"/>
  </si>
  <si>
    <t>デジタルサービス局・ICT職に関する説明/東京データプラットフォーム（TDPF）の構築に関する業務補助/デジタルツインの推進に関する業務補助/オープンデータの推進に関する業務補助/現場視察</t>
    <rPh sb="47" eb="49">
      <t>ギョウム</t>
    </rPh>
    <rPh sb="66" eb="68">
      <t>ギョウム</t>
    </rPh>
    <rPh sb="85" eb="87">
      <t>ギョウム</t>
    </rPh>
    <phoneticPr fontId="4"/>
  </si>
  <si>
    <t>デジタルサービス局・ICT職に関する説明/都庁におけるDX推進業務の補助/現場視察</t>
    <rPh sb="8" eb="9">
      <t>キョク</t>
    </rPh>
    <rPh sb="13" eb="14">
      <t>ショク</t>
    </rPh>
    <rPh sb="15" eb="16">
      <t>カン</t>
    </rPh>
    <rPh sb="18" eb="20">
      <t>セツメイ</t>
    </rPh>
    <rPh sb="31" eb="33">
      <t>ギョウム</t>
    </rPh>
    <rPh sb="37" eb="39">
      <t>ゲンバ</t>
    </rPh>
    <rPh sb="39" eb="41">
      <t>シサツ</t>
    </rPh>
    <phoneticPr fontId="4"/>
  </si>
  <si>
    <t>国有財産管理事務に関する補助、現場視察</t>
    <rPh sb="0" eb="2">
      <t>コクユウ</t>
    </rPh>
    <rPh sb="2" eb="4">
      <t>ザイサン</t>
    </rPh>
    <rPh sb="4" eb="6">
      <t>カンリ</t>
    </rPh>
    <rPh sb="6" eb="8">
      <t>ジム</t>
    </rPh>
    <rPh sb="9" eb="10">
      <t>カン</t>
    </rPh>
    <rPh sb="12" eb="14">
      <t>ホジョ</t>
    </rPh>
    <rPh sb="15" eb="17">
      <t>ゲンバ</t>
    </rPh>
    <rPh sb="17" eb="19">
      <t>シサツ</t>
    </rPh>
    <phoneticPr fontId="4"/>
  </si>
  <si>
    <t>庁舎整備業務、施設保全業務、工事現場監理業務等</t>
  </si>
  <si>
    <t>　行政分野【福祉・保健医療】（福祉保健局）計45人＜文系12人、理系24人、文理不問9人＞</t>
    <rPh sb="1" eb="3">
      <t>ギョウセイ</t>
    </rPh>
    <rPh sb="3" eb="5">
      <t>ブンヤ</t>
    </rPh>
    <rPh sb="6" eb="8">
      <t>フクシ</t>
    </rPh>
    <rPh sb="9" eb="11">
      <t>ホケン</t>
    </rPh>
    <rPh sb="11" eb="13">
      <t>イリョウ</t>
    </rPh>
    <rPh sb="15" eb="17">
      <t>フクシ</t>
    </rPh>
    <rPh sb="17" eb="19">
      <t>ホケン</t>
    </rPh>
    <rPh sb="19" eb="20">
      <t>キョク</t>
    </rPh>
    <rPh sb="21" eb="22">
      <t>ケイ</t>
    </rPh>
    <rPh sb="24" eb="25">
      <t>ニン</t>
    </rPh>
    <rPh sb="26" eb="28">
      <t>ブンケイ</t>
    </rPh>
    <rPh sb="30" eb="31">
      <t>ニン</t>
    </rPh>
    <rPh sb="32" eb="34">
      <t>リケイ</t>
    </rPh>
    <rPh sb="36" eb="37">
      <t>ニン</t>
    </rPh>
    <rPh sb="38" eb="40">
      <t>ブンリ</t>
    </rPh>
    <rPh sb="40" eb="42">
      <t>フモン</t>
    </rPh>
    <rPh sb="43" eb="44">
      <t>ニン</t>
    </rPh>
    <phoneticPr fontId="4"/>
  </si>
  <si>
    <t>　行政分野【産業・労働・経済】（産業労働局、中央卸売市場）計17人＜理系7人、文理不問10人＞</t>
    <rPh sb="1" eb="3">
      <t>ギョウセイ</t>
    </rPh>
    <rPh sb="3" eb="5">
      <t>ブンヤ</t>
    </rPh>
    <rPh sb="6" eb="8">
      <t>サンギョウ</t>
    </rPh>
    <rPh sb="9" eb="11">
      <t>ロウドウ</t>
    </rPh>
    <rPh sb="12" eb="14">
      <t>ケイザイ</t>
    </rPh>
    <rPh sb="16" eb="21">
      <t>サンギョウロウドウキョク</t>
    </rPh>
    <rPh sb="22" eb="28">
      <t>チュウオウオロシウリシジョウ</t>
    </rPh>
    <rPh sb="29" eb="30">
      <t>ケイ</t>
    </rPh>
    <rPh sb="32" eb="33">
      <t>ニン</t>
    </rPh>
    <rPh sb="34" eb="36">
      <t>リケイ</t>
    </rPh>
    <rPh sb="35" eb="36">
      <t>ブンリ</t>
    </rPh>
    <rPh sb="37" eb="38">
      <t>ニン</t>
    </rPh>
    <rPh sb="39" eb="41">
      <t>ブンリ</t>
    </rPh>
    <rPh sb="41" eb="43">
      <t>フモン</t>
    </rPh>
    <rPh sb="45" eb="46">
      <t>ニン</t>
    </rPh>
    <phoneticPr fontId="4"/>
  </si>
  <si>
    <t>　行政分野【環境】（環境局、水道局、下水道局）計74人＜文系11人、理系61人、文理不問2人＞</t>
    <rPh sb="1" eb="3">
      <t>ギョウセイ</t>
    </rPh>
    <rPh sb="3" eb="5">
      <t>ブンヤ</t>
    </rPh>
    <rPh sb="6" eb="8">
      <t>カンキョウ</t>
    </rPh>
    <rPh sb="10" eb="12">
      <t>カンキョウ</t>
    </rPh>
    <rPh sb="12" eb="13">
      <t>キョク</t>
    </rPh>
    <rPh sb="14" eb="17">
      <t>スイドウキョク</t>
    </rPh>
    <rPh sb="18" eb="21">
      <t>ゲスイドウ</t>
    </rPh>
    <rPh sb="21" eb="22">
      <t>キョク</t>
    </rPh>
    <rPh sb="23" eb="24">
      <t>ケイ</t>
    </rPh>
    <rPh sb="26" eb="27">
      <t>ニン</t>
    </rPh>
    <rPh sb="28" eb="30">
      <t>ブンケイ</t>
    </rPh>
    <rPh sb="32" eb="33">
      <t>ニン</t>
    </rPh>
    <rPh sb="34" eb="36">
      <t>リケイ</t>
    </rPh>
    <rPh sb="35" eb="36">
      <t>ブンリ</t>
    </rPh>
    <rPh sb="38" eb="39">
      <t>ニン</t>
    </rPh>
    <rPh sb="40" eb="42">
      <t>ブンリ</t>
    </rPh>
    <rPh sb="42" eb="44">
      <t>フモン</t>
    </rPh>
    <rPh sb="45" eb="46">
      <t>ニン</t>
    </rPh>
    <phoneticPr fontId="4"/>
  </si>
  <si>
    <t>　行政分野【都市づくり】（都市整備局、住宅政策本部、建設局、港湾局、交通局）計89人＜文系3人、理系79人、文理不問7人＞</t>
    <rPh sb="1" eb="3">
      <t>ギョウセイ</t>
    </rPh>
    <rPh sb="3" eb="5">
      <t>ブンヤ</t>
    </rPh>
    <rPh sb="6" eb="8">
      <t>トシ</t>
    </rPh>
    <rPh sb="13" eb="15">
      <t>トシ</t>
    </rPh>
    <rPh sb="15" eb="17">
      <t>セイビ</t>
    </rPh>
    <rPh sb="17" eb="18">
      <t>キョク</t>
    </rPh>
    <rPh sb="19" eb="21">
      <t>ジュウタク</t>
    </rPh>
    <rPh sb="21" eb="23">
      <t>セイサク</t>
    </rPh>
    <rPh sb="23" eb="25">
      <t>ホンブ</t>
    </rPh>
    <rPh sb="26" eb="28">
      <t>ケンセツ</t>
    </rPh>
    <rPh sb="28" eb="29">
      <t>キョク</t>
    </rPh>
    <rPh sb="30" eb="32">
      <t>コウワン</t>
    </rPh>
    <rPh sb="32" eb="33">
      <t>キョク</t>
    </rPh>
    <rPh sb="34" eb="37">
      <t>コウツウキョク</t>
    </rPh>
    <rPh sb="38" eb="39">
      <t>ケイ</t>
    </rPh>
    <rPh sb="41" eb="42">
      <t>ニン</t>
    </rPh>
    <rPh sb="43" eb="45">
      <t>ブンケイ</t>
    </rPh>
    <rPh sb="46" eb="47">
      <t>ニン</t>
    </rPh>
    <rPh sb="48" eb="50">
      <t>リケイ</t>
    </rPh>
    <rPh sb="49" eb="50">
      <t>ブンリ</t>
    </rPh>
    <rPh sb="52" eb="53">
      <t>ニン</t>
    </rPh>
    <rPh sb="54" eb="56">
      <t>ブンリ</t>
    </rPh>
    <rPh sb="56" eb="58">
      <t>フモン</t>
    </rPh>
    <rPh sb="59" eb="60">
      <t>ニン</t>
    </rPh>
    <phoneticPr fontId="4"/>
  </si>
  <si>
    <t>　行政分野【財政、税務】（財務局、主税局）計15人＜理系4人、文理不問11人＞</t>
    <rPh sb="1" eb="3">
      <t>ギョウセイ</t>
    </rPh>
    <rPh sb="3" eb="5">
      <t>ブンヤ</t>
    </rPh>
    <rPh sb="6" eb="8">
      <t>ザイセイ</t>
    </rPh>
    <rPh sb="9" eb="11">
      <t>ゼイム</t>
    </rPh>
    <rPh sb="13" eb="16">
      <t>ザイムキョク</t>
    </rPh>
    <rPh sb="17" eb="20">
      <t>シュゼイキョク</t>
    </rPh>
    <rPh sb="21" eb="22">
      <t>ケイ</t>
    </rPh>
    <rPh sb="24" eb="25">
      <t>ニン</t>
    </rPh>
    <rPh sb="26" eb="27">
      <t>ブンリ</t>
    </rPh>
    <rPh sb="27" eb="28">
      <t>ブンリ</t>
    </rPh>
    <rPh sb="29" eb="30">
      <t>ニン</t>
    </rPh>
    <rPh sb="31" eb="33">
      <t>ブンリ</t>
    </rPh>
    <rPh sb="33" eb="35">
      <t>フモン</t>
    </rPh>
    <rPh sb="37" eb="38">
      <t>ニン</t>
    </rPh>
    <phoneticPr fontId="4"/>
  </si>
  <si>
    <t>　行政分野【その他】（政策企画局、子供政策連携室、総務局、デジタルサービス局）計19人＜文系2人、文理不問17人＞</t>
    <rPh sb="1" eb="3">
      <t>ギョウセイ</t>
    </rPh>
    <rPh sb="3" eb="5">
      <t>ブンヤ</t>
    </rPh>
    <rPh sb="8" eb="9">
      <t>ホカ</t>
    </rPh>
    <rPh sb="11" eb="13">
      <t>セイサク</t>
    </rPh>
    <rPh sb="13" eb="15">
      <t>キカク</t>
    </rPh>
    <rPh sb="15" eb="16">
      <t>キョク</t>
    </rPh>
    <rPh sb="25" eb="27">
      <t>ソウム</t>
    </rPh>
    <rPh sb="27" eb="28">
      <t>キョク</t>
    </rPh>
    <rPh sb="37" eb="38">
      <t>キョク</t>
    </rPh>
    <rPh sb="39" eb="40">
      <t>ケイ</t>
    </rPh>
    <rPh sb="42" eb="43">
      <t>ニン</t>
    </rPh>
    <rPh sb="44" eb="46">
      <t>ブンケイ</t>
    </rPh>
    <rPh sb="47" eb="48">
      <t>ニン</t>
    </rPh>
    <rPh sb="49" eb="51">
      <t>ブンリ</t>
    </rPh>
    <rPh sb="51" eb="53">
      <t>フモン</t>
    </rPh>
    <rPh sb="55" eb="56">
      <t>ニン</t>
    </rPh>
    <phoneticPr fontId="4"/>
  </si>
  <si>
    <t>浄水施設工事の設計・積算業務補助/現場調査</t>
    <rPh sb="0" eb="2">
      <t>ジョウスイ</t>
    </rPh>
    <rPh sb="2" eb="4">
      <t>シセツ</t>
    </rPh>
    <rPh sb="4" eb="6">
      <t>コウジ</t>
    </rPh>
    <rPh sb="7" eb="9">
      <t>セッケイ</t>
    </rPh>
    <rPh sb="10" eb="12">
      <t>セキサン</t>
    </rPh>
    <rPh sb="12" eb="14">
      <t>ギョウム</t>
    </rPh>
    <rPh sb="14" eb="16">
      <t>ホジョ</t>
    </rPh>
    <rPh sb="17" eb="19">
      <t>ゲンバ</t>
    </rPh>
    <rPh sb="19" eb="21">
      <t>チョウサ</t>
    </rPh>
    <phoneticPr fontId="3"/>
  </si>
  <si>
    <t>管路工事及び給水所整備工事の設計・積算業務の補助/現場調査</t>
    <rPh sb="0" eb="2">
      <t>カンロ</t>
    </rPh>
    <rPh sb="2" eb="4">
      <t>コウジ</t>
    </rPh>
    <rPh sb="4" eb="5">
      <t>オヨ</t>
    </rPh>
    <rPh sb="6" eb="8">
      <t>キュウスイ</t>
    </rPh>
    <rPh sb="8" eb="9">
      <t>ショ</t>
    </rPh>
    <rPh sb="9" eb="11">
      <t>セイビ</t>
    </rPh>
    <rPh sb="11" eb="13">
      <t>コウジ</t>
    </rPh>
    <rPh sb="14" eb="16">
      <t>セッケイ</t>
    </rPh>
    <rPh sb="17" eb="19">
      <t>セキサン</t>
    </rPh>
    <rPh sb="19" eb="21">
      <t>ギョウム</t>
    </rPh>
    <rPh sb="22" eb="24">
      <t>ホジョ</t>
    </rPh>
    <rPh sb="25" eb="27">
      <t>ゲンバ</t>
    </rPh>
    <rPh sb="27" eb="29">
      <t>チョウサ</t>
    </rPh>
    <phoneticPr fontId="3"/>
  </si>
  <si>
    <t>島しょ部へ赴任する職員の確保に向けた取組の企画立案/柔軟な働き方を実現できるオフィスのあり方についての検討</t>
    <rPh sb="0" eb="1">
      <t>トウ</t>
    </rPh>
    <rPh sb="3" eb="4">
      <t>ブ</t>
    </rPh>
    <rPh sb="5" eb="7">
      <t>フニン</t>
    </rPh>
    <rPh sb="9" eb="11">
      <t>ショクイン</t>
    </rPh>
    <rPh sb="12" eb="14">
      <t>カクホ</t>
    </rPh>
    <rPh sb="15" eb="16">
      <t>ム</t>
    </rPh>
    <rPh sb="18" eb="19">
      <t>ト</t>
    </rPh>
    <rPh sb="19" eb="20">
      <t>ク</t>
    </rPh>
    <rPh sb="21" eb="23">
      <t>キカク</t>
    </rPh>
    <rPh sb="23" eb="25">
      <t>リツアン</t>
    </rPh>
    <rPh sb="26" eb="28">
      <t>ジュウナン</t>
    </rPh>
    <rPh sb="29" eb="30">
      <t>ハタラ</t>
    </rPh>
    <rPh sb="31" eb="32">
      <t>カタ</t>
    </rPh>
    <rPh sb="33" eb="35">
      <t>ジツゲン</t>
    </rPh>
    <rPh sb="45" eb="46">
      <t>カタ</t>
    </rPh>
    <rPh sb="51" eb="53">
      <t>ケントウ</t>
    </rPh>
    <phoneticPr fontId="4"/>
  </si>
  <si>
    <t>東京都教職員研修センター研修部授業力向上課</t>
    <rPh sb="0" eb="3">
      <t>トウキョウト</t>
    </rPh>
    <rPh sb="3" eb="6">
      <t>キョウショクイン</t>
    </rPh>
    <rPh sb="6" eb="8">
      <t>ケンシュウ</t>
    </rPh>
    <rPh sb="12" eb="14">
      <t>ケンシュウ</t>
    </rPh>
    <rPh sb="14" eb="15">
      <t>ブ</t>
    </rPh>
    <rPh sb="15" eb="17">
      <t>ジュギョウ</t>
    </rPh>
    <rPh sb="17" eb="18">
      <t>リョク</t>
    </rPh>
    <rPh sb="18" eb="20">
      <t>コウジョウ</t>
    </rPh>
    <rPh sb="20" eb="21">
      <t>カ</t>
    </rPh>
    <phoneticPr fontId="4"/>
  </si>
  <si>
    <t>水道施設整備事業の実施計画及び調査業務補助</t>
    <rPh sb="0" eb="2">
      <t>スイドウ</t>
    </rPh>
    <rPh sb="2" eb="4">
      <t>シセツ</t>
    </rPh>
    <rPh sb="4" eb="6">
      <t>セイビ</t>
    </rPh>
    <rPh sb="6" eb="8">
      <t>ジギョウ</t>
    </rPh>
    <rPh sb="9" eb="11">
      <t>ジッシ</t>
    </rPh>
    <rPh sb="11" eb="13">
      <t>ケイカク</t>
    </rPh>
    <rPh sb="13" eb="14">
      <t>オヨ</t>
    </rPh>
    <rPh sb="15" eb="17">
      <t>チョウサ</t>
    </rPh>
    <rPh sb="17" eb="19">
      <t>ギョウム</t>
    </rPh>
    <rPh sb="19" eb="21">
      <t>ホジョ</t>
    </rPh>
    <phoneticPr fontId="3"/>
  </si>
  <si>
    <t>デジタルサービス推進部 デジタルサービス推進課 データ利活用戦略担当/データ利活用担当</t>
    <rPh sb="30" eb="32">
      <t>センリャク</t>
    </rPh>
    <phoneticPr fontId="3"/>
  </si>
  <si>
    <t>主税局の広報紙・局内報、租税教室用教材の内容検討・作成　
納税交渉シミュレーション、公売業務に関する説明及び実務補助　等</t>
    <phoneticPr fontId="4"/>
  </si>
  <si>
    <t>地方税制の課題検討、都税収入に関する概要説明及び演習（調査・検討）
納税交渉シミュレーション、公売業務に関する説明及び実務補助　等</t>
    <phoneticPr fontId="4"/>
  </si>
  <si>
    <t>中央卸売市場の概要説明/出先事業所（大田市場・豊洲市場）の視察/職員採用PRに係る資料の見直し</t>
    <phoneticPr fontId="4"/>
  </si>
  <si>
    <t>中央卸売市場の概要説明/豊洲市場の概要説明（組織・課題・施設視察等）/水産品・農産品業務補助/施設管理・警備衛生業務補助/豊洲市場PRに係る資料作成</t>
    <phoneticPr fontId="4"/>
  </si>
  <si>
    <t>豊洲市場 管理課</t>
    <phoneticPr fontId="4"/>
  </si>
  <si>
    <t>スポーツ総合推進部 パラスポーツ課 推進担当</t>
    <rPh sb="4" eb="9">
      <t>ソウゴウスイシンブ</t>
    </rPh>
    <rPh sb="16" eb="17">
      <t>カ</t>
    </rPh>
    <rPh sb="18" eb="20">
      <t>スイシン</t>
    </rPh>
    <rPh sb="20" eb="22">
      <t>タントウ</t>
    </rPh>
    <phoneticPr fontId="4"/>
  </si>
  <si>
    <t>パラスポーツ振興施策に関する企画立案補助、イベント運営準備業務補助等</t>
    <rPh sb="6" eb="8">
      <t>シンコウ</t>
    </rPh>
    <rPh sb="8" eb="10">
      <t>シサク</t>
    </rPh>
    <rPh sb="11" eb="12">
      <t>カン</t>
    </rPh>
    <rPh sb="14" eb="18">
      <t>キカクリツアン</t>
    </rPh>
    <rPh sb="18" eb="20">
      <t>ホジョ</t>
    </rPh>
    <rPh sb="25" eb="27">
      <t>ウンエイ</t>
    </rPh>
    <rPh sb="27" eb="29">
      <t>ジュンビ</t>
    </rPh>
    <rPh sb="29" eb="31">
      <t>ギョウム</t>
    </rPh>
    <rPh sb="31" eb="33">
      <t>ホジョ</t>
    </rPh>
    <rPh sb="33" eb="34">
      <t>トウ</t>
    </rPh>
    <phoneticPr fontId="4"/>
  </si>
  <si>
    <t>　行政分野【教育・文化】（生活文化スポーツ局、教育庁）計27人＜文系5人、理系2人、文理不問20人＞</t>
    <rPh sb="1" eb="3">
      <t>ギョウセイ</t>
    </rPh>
    <rPh sb="3" eb="5">
      <t>ブンヤ</t>
    </rPh>
    <rPh sb="6" eb="8">
      <t>キョウイク</t>
    </rPh>
    <rPh sb="9" eb="11">
      <t>ブンカ</t>
    </rPh>
    <rPh sb="13" eb="15">
      <t>セイカツ</t>
    </rPh>
    <rPh sb="15" eb="17">
      <t>ブンカ</t>
    </rPh>
    <rPh sb="21" eb="22">
      <t>キョク</t>
    </rPh>
    <rPh sb="23" eb="26">
      <t>キョウイクチョウ</t>
    </rPh>
    <rPh sb="27" eb="28">
      <t>ケイ</t>
    </rPh>
    <rPh sb="30" eb="31">
      <t>ニン</t>
    </rPh>
    <rPh sb="32" eb="34">
      <t>ブンケイ</t>
    </rPh>
    <rPh sb="35" eb="36">
      <t>ニン</t>
    </rPh>
    <rPh sb="37" eb="39">
      <t>リケイ</t>
    </rPh>
    <rPh sb="38" eb="39">
      <t>ブンリ</t>
    </rPh>
    <rPh sb="40" eb="41">
      <t>ニン</t>
    </rPh>
    <rPh sb="42" eb="44">
      <t>ブンリ</t>
    </rPh>
    <rPh sb="44" eb="46">
      <t>フモン</t>
    </rPh>
    <rPh sb="48" eb="49">
      <t>ニ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m/d;@"/>
    <numFmt numFmtId="177" formatCode="0_);[Red]\(0\)"/>
    <numFmt numFmtId="178" formatCode="000"/>
  </numFmts>
  <fonts count="14" x14ac:knownFonts="1">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6"/>
      <name val="ＭＳ Ｐゴシック"/>
      <family val="3"/>
      <charset val="128"/>
    </font>
    <font>
      <sz val="6"/>
      <name val="ＭＳ Ｐゴシック"/>
      <family val="2"/>
      <charset val="128"/>
      <scheme val="minor"/>
    </font>
    <font>
      <sz val="11"/>
      <color theme="1"/>
      <name val="ＭＳ Ｐゴシック"/>
      <family val="2"/>
      <scheme val="minor"/>
    </font>
    <font>
      <sz val="18"/>
      <name val="メイリオ"/>
      <family val="3"/>
      <charset val="128"/>
    </font>
    <font>
      <sz val="11"/>
      <color theme="1"/>
      <name val="メイリオ"/>
      <family val="3"/>
      <charset val="128"/>
    </font>
    <font>
      <sz val="8"/>
      <name val="メイリオ"/>
      <family val="3"/>
      <charset val="128"/>
    </font>
    <font>
      <sz val="8"/>
      <color theme="1"/>
      <name val="メイリオ"/>
      <family val="3"/>
      <charset val="128"/>
    </font>
    <font>
      <sz val="9"/>
      <name val="メイリオ"/>
      <family val="3"/>
      <charset val="128"/>
    </font>
    <font>
      <sz val="9"/>
      <name val="ＭＳ Ｐゴシック"/>
      <family val="3"/>
      <charset val="128"/>
    </font>
    <font>
      <strike/>
      <sz val="9"/>
      <name val="ＭＳ Ｐゴシック"/>
      <family val="3"/>
      <charset val="128"/>
    </font>
    <font>
      <sz val="8"/>
      <name val="ＭＳ Ｐゴシック"/>
      <family val="3"/>
      <charset val="128"/>
    </font>
  </fonts>
  <fills count="4">
    <fill>
      <patternFill patternType="none"/>
    </fill>
    <fill>
      <patternFill patternType="gray125"/>
    </fill>
    <fill>
      <patternFill patternType="solid">
        <fgColor indexed="41"/>
        <bgColor indexed="64"/>
      </patternFill>
    </fill>
    <fill>
      <patternFill patternType="solid">
        <fgColor theme="0"/>
        <bgColor indexed="64"/>
      </patternFill>
    </fill>
  </fills>
  <borders count="17">
    <border>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style="thin">
        <color indexed="64"/>
      </top>
      <bottom/>
      <diagonal/>
    </border>
    <border>
      <left style="thin">
        <color indexed="64"/>
      </left>
      <right style="thin">
        <color indexed="64"/>
      </right>
      <top style="thin">
        <color theme="1"/>
      </top>
      <bottom style="thin">
        <color theme="1"/>
      </bottom>
      <diagonal/>
    </border>
    <border>
      <left style="thin">
        <color indexed="64"/>
      </left>
      <right style="thin">
        <color indexed="64"/>
      </right>
      <top style="thin">
        <color theme="1"/>
      </top>
      <bottom style="thin">
        <color indexed="64"/>
      </bottom>
      <diagonal/>
    </border>
    <border>
      <left/>
      <right/>
      <top/>
      <bottom style="thin">
        <color indexed="64"/>
      </bottom>
      <diagonal/>
    </border>
    <border>
      <left/>
      <right/>
      <top style="thin">
        <color theme="1"/>
      </top>
      <bottom style="thin">
        <color theme="1"/>
      </bottom>
      <diagonal/>
    </border>
    <border>
      <left/>
      <right/>
      <top style="thin">
        <color theme="1"/>
      </top>
      <bottom style="thin">
        <color indexed="64"/>
      </bottom>
      <diagonal/>
    </border>
    <border>
      <left style="thin">
        <color indexed="64"/>
      </left>
      <right style="thin">
        <color indexed="64"/>
      </right>
      <top style="thin">
        <color indexed="64"/>
      </top>
      <bottom style="thin">
        <color theme="1"/>
      </bottom>
      <diagonal/>
    </border>
    <border>
      <left/>
      <right style="thin">
        <color indexed="64"/>
      </right>
      <top/>
      <bottom/>
      <diagonal/>
    </border>
  </borders>
  <cellStyleXfs count="4">
    <xf numFmtId="0" fontId="0" fillId="0" borderId="0">
      <alignment vertical="center"/>
    </xf>
    <xf numFmtId="0" fontId="2" fillId="0" borderId="0">
      <alignment vertical="center"/>
    </xf>
    <xf numFmtId="0" fontId="1" fillId="0" borderId="0">
      <alignment vertical="center"/>
    </xf>
    <xf numFmtId="0" fontId="5" fillId="0" borderId="0"/>
  </cellStyleXfs>
  <cellXfs count="102">
    <xf numFmtId="0" fontId="0" fillId="0" borderId="0" xfId="0">
      <alignment vertical="center"/>
    </xf>
    <xf numFmtId="0" fontId="7" fillId="0" borderId="0" xfId="0" applyFont="1">
      <alignment vertical="center"/>
    </xf>
    <xf numFmtId="0" fontId="7" fillId="0" borderId="0" xfId="0" applyNumberFormat="1" applyFont="1">
      <alignment vertical="center"/>
    </xf>
    <xf numFmtId="0" fontId="7" fillId="0" borderId="0" xfId="0" applyFont="1" applyFill="1" applyAlignment="1">
      <alignment horizontal="center" vertical="center"/>
    </xf>
    <xf numFmtId="0" fontId="7" fillId="0" borderId="0" xfId="0" applyFont="1" applyAlignment="1">
      <alignment horizontal="center" vertical="center"/>
    </xf>
    <xf numFmtId="0" fontId="8" fillId="2" borderId="1" xfId="1" applyNumberFormat="1" applyFont="1" applyFill="1" applyBorder="1" applyAlignment="1">
      <alignment horizontal="center" vertical="center" shrinkToFit="1"/>
    </xf>
    <xf numFmtId="0" fontId="8" fillId="2" borderId="1" xfId="1" applyFont="1" applyFill="1" applyBorder="1" applyAlignment="1">
      <alignment horizontal="center" vertical="center"/>
    </xf>
    <xf numFmtId="0" fontId="8" fillId="2" borderId="1" xfId="1" applyFont="1" applyFill="1" applyBorder="1" applyAlignment="1">
      <alignment horizontal="center" vertical="center" shrinkToFit="1"/>
    </xf>
    <xf numFmtId="177" fontId="8" fillId="2" borderId="1" xfId="1" applyNumberFormat="1" applyFont="1" applyFill="1" applyBorder="1" applyAlignment="1">
      <alignment horizontal="center" vertical="center" shrinkToFit="1"/>
    </xf>
    <xf numFmtId="0" fontId="8" fillId="2" borderId="1" xfId="1" applyNumberFormat="1" applyFont="1" applyFill="1" applyBorder="1" applyAlignment="1">
      <alignment horizontal="center" vertical="center" wrapText="1" shrinkToFit="1"/>
    </xf>
    <xf numFmtId="176" fontId="8" fillId="2" borderId="1" xfId="1" applyNumberFormat="1" applyFont="1" applyFill="1" applyBorder="1" applyAlignment="1">
      <alignment horizontal="center" vertical="center" shrinkToFit="1"/>
    </xf>
    <xf numFmtId="178" fontId="8" fillId="0" borderId="1" xfId="0" applyNumberFormat="1" applyFont="1" applyFill="1" applyBorder="1" applyAlignment="1">
      <alignment horizontal="center" vertical="center"/>
    </xf>
    <xf numFmtId="0" fontId="7" fillId="0" borderId="0" xfId="0" applyFont="1" applyBorder="1">
      <alignment vertical="center"/>
    </xf>
    <xf numFmtId="0" fontId="9" fillId="0" borderId="0" xfId="0" applyFont="1" applyBorder="1" applyAlignment="1">
      <alignment horizontal="center" vertical="center"/>
    </xf>
    <xf numFmtId="0" fontId="8" fillId="0" borderId="0" xfId="0" applyFont="1" applyFill="1" applyBorder="1">
      <alignment vertical="center"/>
    </xf>
    <xf numFmtId="0" fontId="9" fillId="0" borderId="0" xfId="0" applyFont="1">
      <alignment vertical="center"/>
    </xf>
    <xf numFmtId="0" fontId="7" fillId="0" borderId="0" xfId="0" applyFont="1" applyAlignment="1">
      <alignment horizontal="left" vertical="center" shrinkToFit="1"/>
    </xf>
    <xf numFmtId="0" fontId="10" fillId="0" borderId="1" xfId="0" applyFont="1" applyFill="1" applyBorder="1" applyAlignment="1">
      <alignment horizontal="left" vertical="center" wrapText="1"/>
    </xf>
    <xf numFmtId="0" fontId="10" fillId="0" borderId="1" xfId="0" applyFont="1" applyBorder="1" applyAlignment="1">
      <alignment horizontal="left" vertical="center" wrapText="1"/>
    </xf>
    <xf numFmtId="0" fontId="10" fillId="0" borderId="1" xfId="0" applyFont="1" applyFill="1" applyBorder="1" applyAlignment="1">
      <alignment horizontal="center" vertical="center"/>
    </xf>
    <xf numFmtId="0" fontId="10" fillId="0" borderId="1" xfId="0" applyFont="1" applyBorder="1" applyAlignment="1">
      <alignment horizontal="center" vertical="center"/>
    </xf>
    <xf numFmtId="0" fontId="10" fillId="0" borderId="1" xfId="0" applyFont="1" applyFill="1" applyBorder="1" applyAlignment="1">
      <alignment horizontal="center" vertical="center" wrapText="1"/>
    </xf>
    <xf numFmtId="0" fontId="10" fillId="0" borderId="1" xfId="0" applyFont="1" applyBorder="1" applyAlignment="1">
      <alignment horizontal="center" vertical="center" wrapText="1"/>
    </xf>
    <xf numFmtId="176" fontId="10" fillId="0" borderId="6" xfId="0" applyNumberFormat="1" applyFont="1" applyFill="1" applyBorder="1" applyAlignment="1">
      <alignment horizontal="center" vertical="center"/>
    </xf>
    <xf numFmtId="176" fontId="10" fillId="0" borderId="6" xfId="0" applyNumberFormat="1" applyFont="1" applyBorder="1" applyAlignment="1">
      <alignment horizontal="center" vertical="center"/>
    </xf>
    <xf numFmtId="177" fontId="10" fillId="0" borderId="1" xfId="0" applyNumberFormat="1" applyFont="1" applyFill="1" applyBorder="1" applyAlignment="1">
      <alignment horizontal="center" vertical="center"/>
    </xf>
    <xf numFmtId="177" fontId="10" fillId="0" borderId="1" xfId="0" applyNumberFormat="1" applyFont="1" applyBorder="1" applyAlignment="1">
      <alignment horizontal="center" vertical="center"/>
    </xf>
    <xf numFmtId="0" fontId="10" fillId="0" borderId="1" xfId="0" applyNumberFormat="1" applyFont="1" applyFill="1" applyBorder="1" applyAlignment="1">
      <alignment horizontal="center" vertical="center"/>
    </xf>
    <xf numFmtId="0" fontId="10" fillId="0" borderId="1" xfId="0" applyFont="1" applyFill="1" applyBorder="1" applyAlignment="1">
      <alignment horizontal="center" vertical="center" shrinkToFit="1"/>
    </xf>
    <xf numFmtId="177" fontId="10" fillId="0" borderId="1" xfId="0" applyNumberFormat="1" applyFont="1" applyFill="1" applyBorder="1" applyAlignment="1">
      <alignment horizontal="center" vertical="center" wrapText="1"/>
    </xf>
    <xf numFmtId="0" fontId="10" fillId="0" borderId="8" xfId="0" applyFont="1" applyFill="1" applyBorder="1" applyAlignment="1">
      <alignment horizontal="center" vertical="center" shrinkToFit="1"/>
    </xf>
    <xf numFmtId="0" fontId="10" fillId="0" borderId="8" xfId="0" applyFont="1" applyFill="1" applyBorder="1" applyAlignment="1">
      <alignment horizontal="left" vertical="center" wrapText="1"/>
    </xf>
    <xf numFmtId="0" fontId="10" fillId="0" borderId="8" xfId="0" applyFont="1" applyFill="1" applyBorder="1" applyAlignment="1">
      <alignment horizontal="center" vertical="center"/>
    </xf>
    <xf numFmtId="176" fontId="10" fillId="0" borderId="6" xfId="0" applyNumberFormat="1" applyFont="1" applyFill="1" applyBorder="1" applyAlignment="1">
      <alignment horizontal="center" vertical="center" shrinkToFit="1"/>
    </xf>
    <xf numFmtId="176" fontId="10" fillId="0" borderId="9" xfId="0" applyNumberFormat="1" applyFont="1" applyFill="1" applyBorder="1" applyAlignment="1">
      <alignment horizontal="center" vertical="center"/>
    </xf>
    <xf numFmtId="177" fontId="10" fillId="0" borderId="1" xfId="0" applyNumberFormat="1" applyFont="1" applyFill="1" applyBorder="1" applyAlignment="1">
      <alignment horizontal="center" vertical="center" shrinkToFit="1"/>
    </xf>
    <xf numFmtId="177" fontId="10" fillId="0" borderId="8" xfId="0" applyNumberFormat="1" applyFont="1" applyFill="1" applyBorder="1" applyAlignment="1">
      <alignment horizontal="center" vertical="center"/>
    </xf>
    <xf numFmtId="0" fontId="10" fillId="0" borderId="8" xfId="0" applyNumberFormat="1" applyFont="1" applyFill="1" applyBorder="1" applyAlignment="1">
      <alignment horizontal="center" vertical="center"/>
    </xf>
    <xf numFmtId="0" fontId="10" fillId="0" borderId="3" xfId="0" applyFont="1" applyFill="1" applyBorder="1" applyAlignment="1">
      <alignment horizontal="center" vertical="center" shrinkToFit="1"/>
    </xf>
    <xf numFmtId="0" fontId="10" fillId="3" borderId="1" xfId="0" applyFont="1" applyFill="1" applyBorder="1" applyAlignment="1">
      <alignment horizontal="center" vertical="center" shrinkToFit="1"/>
    </xf>
    <xf numFmtId="0" fontId="10" fillId="3" borderId="8" xfId="0" applyFont="1" applyFill="1" applyBorder="1" applyAlignment="1">
      <alignment horizontal="center" vertical="center" shrinkToFit="1"/>
    </xf>
    <xf numFmtId="0" fontId="10" fillId="3" borderId="10" xfId="0" applyFont="1" applyFill="1" applyBorder="1" applyAlignment="1">
      <alignment horizontal="center" vertical="center" shrinkToFit="1"/>
    </xf>
    <xf numFmtId="0" fontId="10" fillId="3" borderId="11" xfId="0" applyFont="1" applyFill="1" applyBorder="1" applyAlignment="1">
      <alignment horizontal="center" vertical="center" shrinkToFit="1"/>
    </xf>
    <xf numFmtId="0" fontId="10" fillId="0" borderId="3" xfId="0" applyFont="1" applyFill="1" applyBorder="1" applyAlignment="1">
      <alignment horizontal="left" vertical="center" wrapText="1"/>
    </xf>
    <xf numFmtId="0" fontId="10" fillId="3" borderId="1" xfId="0" applyFont="1" applyFill="1" applyBorder="1" applyAlignment="1">
      <alignment horizontal="left" vertical="center" wrapText="1"/>
    </xf>
    <xf numFmtId="0" fontId="10" fillId="3" borderId="1" xfId="0" applyFont="1" applyFill="1" applyBorder="1" applyAlignment="1">
      <alignment vertical="center" wrapText="1"/>
    </xf>
    <xf numFmtId="0" fontId="10" fillId="3" borderId="8" xfId="0" applyFont="1" applyFill="1" applyBorder="1" applyAlignment="1">
      <alignment horizontal="left" vertical="center" wrapText="1"/>
    </xf>
    <xf numFmtId="0" fontId="10" fillId="3" borderId="10" xfId="0" applyFont="1" applyFill="1" applyBorder="1" applyAlignment="1">
      <alignment horizontal="left" vertical="center" wrapText="1"/>
    </xf>
    <xf numFmtId="0" fontId="10" fillId="3" borderId="3" xfId="0" applyFont="1" applyFill="1" applyBorder="1" applyAlignment="1">
      <alignment horizontal="left" vertical="center" wrapText="1"/>
    </xf>
    <xf numFmtId="0" fontId="10" fillId="0" borderId="1" xfId="0" applyFont="1" applyBorder="1" applyAlignment="1">
      <alignment vertical="center" wrapText="1"/>
    </xf>
    <xf numFmtId="0" fontId="10" fillId="0" borderId="3" xfId="0" applyFont="1" applyFill="1" applyBorder="1" applyAlignment="1">
      <alignment horizontal="center" vertical="center"/>
    </xf>
    <xf numFmtId="0" fontId="10" fillId="3" borderId="1" xfId="0" applyFont="1" applyFill="1" applyBorder="1" applyAlignment="1">
      <alignment horizontal="center" vertical="center"/>
    </xf>
    <xf numFmtId="0" fontId="10" fillId="3" borderId="8" xfId="0" applyFont="1" applyFill="1" applyBorder="1" applyAlignment="1">
      <alignment horizontal="center" vertical="center"/>
    </xf>
    <xf numFmtId="0" fontId="10" fillId="3" borderId="10" xfId="0" applyFont="1" applyFill="1" applyBorder="1" applyAlignment="1">
      <alignment horizontal="center" vertical="center"/>
    </xf>
    <xf numFmtId="0" fontId="10" fillId="3" borderId="11" xfId="0" applyFont="1" applyFill="1" applyBorder="1" applyAlignment="1">
      <alignment horizontal="center" vertical="center"/>
    </xf>
    <xf numFmtId="0" fontId="10" fillId="0" borderId="3" xfId="0" applyFont="1" applyFill="1" applyBorder="1" applyAlignment="1">
      <alignment horizontal="center" vertical="center" wrapText="1"/>
    </xf>
    <xf numFmtId="176" fontId="10" fillId="0" borderId="12" xfId="0" applyNumberFormat="1" applyFont="1" applyFill="1" applyBorder="1" applyAlignment="1">
      <alignment horizontal="center" vertical="center"/>
    </xf>
    <xf numFmtId="176" fontId="10" fillId="3" borderId="6" xfId="0" applyNumberFormat="1" applyFont="1" applyFill="1" applyBorder="1" applyAlignment="1">
      <alignment horizontal="center" vertical="center"/>
    </xf>
    <xf numFmtId="176" fontId="10" fillId="3" borderId="6" xfId="0" applyNumberFormat="1" applyFont="1" applyFill="1" applyBorder="1" applyAlignment="1">
      <alignment horizontal="center" vertical="center" shrinkToFit="1"/>
    </xf>
    <xf numFmtId="176" fontId="10" fillId="3" borderId="9" xfId="0" applyNumberFormat="1" applyFont="1" applyFill="1" applyBorder="1" applyAlignment="1">
      <alignment horizontal="center" vertical="center"/>
    </xf>
    <xf numFmtId="176" fontId="10" fillId="3" borderId="13" xfId="0" applyNumberFormat="1" applyFont="1" applyFill="1" applyBorder="1" applyAlignment="1">
      <alignment horizontal="center" vertical="center" wrapText="1"/>
    </xf>
    <xf numFmtId="176" fontId="10" fillId="3" borderId="14" xfId="0" applyNumberFormat="1" applyFont="1" applyFill="1" applyBorder="1" applyAlignment="1">
      <alignment horizontal="center" vertical="center"/>
    </xf>
    <xf numFmtId="177" fontId="10" fillId="0" borderId="3" xfId="0" applyNumberFormat="1" applyFont="1" applyFill="1" applyBorder="1" applyAlignment="1">
      <alignment horizontal="center" vertical="center"/>
    </xf>
    <xf numFmtId="177" fontId="10" fillId="3" borderId="1" xfId="0" applyNumberFormat="1" applyFont="1" applyFill="1" applyBorder="1" applyAlignment="1">
      <alignment horizontal="center" vertical="center"/>
    </xf>
    <xf numFmtId="177" fontId="10" fillId="3" borderId="15" xfId="0" applyNumberFormat="1" applyFont="1" applyFill="1" applyBorder="1" applyAlignment="1">
      <alignment horizontal="center" vertical="center"/>
    </xf>
    <xf numFmtId="177" fontId="10" fillId="3" borderId="10" xfId="0" applyNumberFormat="1" applyFont="1" applyFill="1" applyBorder="1" applyAlignment="1">
      <alignment horizontal="center" vertical="center" wrapText="1"/>
    </xf>
    <xf numFmtId="177" fontId="10" fillId="3" borderId="3" xfId="0" applyNumberFormat="1" applyFont="1" applyFill="1" applyBorder="1" applyAlignment="1">
      <alignment horizontal="center" vertical="center"/>
    </xf>
    <xf numFmtId="0" fontId="10" fillId="0" borderId="3" xfId="0" applyNumberFormat="1" applyFont="1" applyFill="1" applyBorder="1" applyAlignment="1">
      <alignment horizontal="center" vertical="center"/>
    </xf>
    <xf numFmtId="177" fontId="10" fillId="3" borderId="1" xfId="0" applyNumberFormat="1" applyFont="1" applyFill="1" applyBorder="1" applyAlignment="1">
      <alignment horizontal="center" vertical="center" wrapText="1"/>
    </xf>
    <xf numFmtId="177" fontId="10" fillId="3" borderId="8" xfId="0" applyNumberFormat="1" applyFont="1" applyFill="1" applyBorder="1" applyAlignment="1">
      <alignment horizontal="center" vertical="center"/>
    </xf>
    <xf numFmtId="177" fontId="10" fillId="3" borderId="10" xfId="0" applyNumberFormat="1" applyFont="1" applyFill="1" applyBorder="1" applyAlignment="1">
      <alignment horizontal="center" vertical="center"/>
    </xf>
    <xf numFmtId="177" fontId="10" fillId="3" borderId="11" xfId="0" applyNumberFormat="1" applyFont="1" applyFill="1" applyBorder="1" applyAlignment="1">
      <alignment horizontal="center" vertical="center"/>
    </xf>
    <xf numFmtId="0" fontId="10" fillId="0" borderId="1" xfId="0" applyNumberFormat="1" applyFont="1" applyFill="1" applyBorder="1" applyAlignment="1">
      <alignment horizontal="center" vertical="center" wrapText="1"/>
    </xf>
    <xf numFmtId="0" fontId="10" fillId="0" borderId="1" xfId="1" applyFont="1" applyFill="1" applyBorder="1" applyAlignment="1">
      <alignment horizontal="center" vertical="center" shrinkToFit="1"/>
    </xf>
    <xf numFmtId="0" fontId="10" fillId="0" borderId="1" xfId="0" applyNumberFormat="1" applyFont="1" applyFill="1" applyBorder="1" applyAlignment="1">
      <alignment horizontal="center" vertical="center" wrapText="1" shrinkToFit="1"/>
    </xf>
    <xf numFmtId="0" fontId="10" fillId="0" borderId="1" xfId="0" applyNumberFormat="1" applyFont="1" applyFill="1" applyBorder="1" applyAlignment="1">
      <alignment horizontal="left" vertical="center" wrapText="1"/>
    </xf>
    <xf numFmtId="178" fontId="10" fillId="0" borderId="1" xfId="0" applyNumberFormat="1" applyFont="1" applyFill="1" applyBorder="1" applyAlignment="1">
      <alignment horizontal="left" vertical="center" wrapText="1"/>
    </xf>
    <xf numFmtId="0" fontId="7" fillId="0" borderId="0" xfId="0" applyFont="1" applyBorder="1" applyAlignment="1">
      <alignment horizontal="center" vertical="center"/>
    </xf>
    <xf numFmtId="0" fontId="8" fillId="2" borderId="7" xfId="1" applyFont="1" applyFill="1" applyBorder="1" applyAlignment="1">
      <alignment horizontal="center" vertical="center" shrinkToFit="1"/>
    </xf>
    <xf numFmtId="176" fontId="10" fillId="0" borderId="1" xfId="0" applyNumberFormat="1" applyFont="1" applyFill="1" applyBorder="1" applyAlignment="1">
      <alignment horizontal="center" vertical="center"/>
    </xf>
    <xf numFmtId="176" fontId="10" fillId="0" borderId="1" xfId="0" applyNumberFormat="1" applyFont="1" applyBorder="1" applyAlignment="1">
      <alignment horizontal="center" vertical="center"/>
    </xf>
    <xf numFmtId="176" fontId="10" fillId="0" borderId="8" xfId="0" applyNumberFormat="1" applyFont="1" applyFill="1" applyBorder="1" applyAlignment="1">
      <alignment horizontal="center" vertical="center"/>
    </xf>
    <xf numFmtId="176" fontId="10" fillId="0" borderId="3" xfId="0" applyNumberFormat="1" applyFont="1" applyFill="1" applyBorder="1" applyAlignment="1">
      <alignment horizontal="center" vertical="center"/>
    </xf>
    <xf numFmtId="176" fontId="10" fillId="3" borderId="1" xfId="0" applyNumberFormat="1" applyFont="1" applyFill="1" applyBorder="1" applyAlignment="1">
      <alignment horizontal="center" vertical="center"/>
    </xf>
    <xf numFmtId="176" fontId="10" fillId="3" borderId="1" xfId="0" applyNumberFormat="1" applyFont="1" applyFill="1" applyBorder="1" applyAlignment="1">
      <alignment horizontal="center" vertical="center" shrinkToFit="1"/>
    </xf>
    <xf numFmtId="176" fontId="10" fillId="3" borderId="1" xfId="0" applyNumberFormat="1" applyFont="1" applyFill="1" applyBorder="1" applyAlignment="1">
      <alignment horizontal="center" vertical="center" wrapText="1"/>
    </xf>
    <xf numFmtId="176" fontId="10" fillId="3" borderId="8" xfId="0" applyNumberFormat="1" applyFont="1" applyFill="1" applyBorder="1" applyAlignment="1">
      <alignment horizontal="center" vertical="center"/>
    </xf>
    <xf numFmtId="176" fontId="10" fillId="3" borderId="10" xfId="0" applyNumberFormat="1" applyFont="1" applyFill="1" applyBorder="1" applyAlignment="1">
      <alignment horizontal="center" vertical="center" wrapText="1"/>
    </xf>
    <xf numFmtId="176" fontId="10" fillId="3" borderId="11" xfId="0" applyNumberFormat="1" applyFont="1" applyFill="1" applyBorder="1" applyAlignment="1">
      <alignment horizontal="center" vertical="center"/>
    </xf>
    <xf numFmtId="0" fontId="7" fillId="0" borderId="16" xfId="0" applyFont="1" applyBorder="1" applyAlignment="1">
      <alignment horizontal="center" vertical="center"/>
    </xf>
    <xf numFmtId="0" fontId="7" fillId="0" borderId="9" xfId="0" applyFont="1" applyFill="1" applyBorder="1" applyAlignment="1">
      <alignment horizontal="center" vertical="center"/>
    </xf>
    <xf numFmtId="0" fontId="7" fillId="0" borderId="9" xfId="0" applyFont="1" applyBorder="1" applyAlignment="1">
      <alignment horizontal="left" vertical="center" shrinkToFit="1"/>
    </xf>
    <xf numFmtId="0" fontId="7" fillId="0" borderId="9" xfId="0" applyFont="1" applyBorder="1">
      <alignment vertical="center"/>
    </xf>
    <xf numFmtId="0" fontId="7" fillId="0" borderId="9" xfId="0" applyFont="1" applyBorder="1" applyAlignment="1">
      <alignment horizontal="center" vertical="center"/>
    </xf>
    <xf numFmtId="0" fontId="7" fillId="0" borderId="0" xfId="0" applyFont="1" applyFill="1" applyBorder="1" applyAlignment="1">
      <alignment horizontal="center" vertical="center"/>
    </xf>
    <xf numFmtId="0" fontId="7" fillId="0" borderId="0" xfId="0" applyFont="1" applyBorder="1" applyAlignment="1">
      <alignment horizontal="left" vertical="center" shrinkToFit="1"/>
    </xf>
    <xf numFmtId="0" fontId="8" fillId="2" borderId="5" xfId="1" applyNumberFormat="1" applyFont="1" applyFill="1" applyBorder="1" applyAlignment="1">
      <alignment horizontal="left" vertical="center" shrinkToFit="1"/>
    </xf>
    <xf numFmtId="0" fontId="8" fillId="2" borderId="6" xfId="1" applyNumberFormat="1" applyFont="1" applyFill="1" applyBorder="1" applyAlignment="1">
      <alignment horizontal="left" vertical="center" shrinkToFit="1"/>
    </xf>
    <xf numFmtId="0" fontId="8" fillId="2" borderId="7" xfId="1" applyNumberFormat="1" applyFont="1" applyFill="1" applyBorder="1" applyAlignment="1">
      <alignment horizontal="left" vertical="center" shrinkToFit="1"/>
    </xf>
    <xf numFmtId="49" fontId="6" fillId="0" borderId="2" xfId="1" applyNumberFormat="1" applyFont="1" applyBorder="1" applyAlignment="1">
      <alignment horizontal="center" vertical="center"/>
    </xf>
    <xf numFmtId="49" fontId="6" fillId="0" borderId="3" xfId="1" applyNumberFormat="1" applyFont="1" applyBorder="1" applyAlignment="1">
      <alignment horizontal="center" vertical="center"/>
    </xf>
    <xf numFmtId="49" fontId="6" fillId="0" borderId="4" xfId="1" applyNumberFormat="1" applyFont="1" applyBorder="1" applyAlignment="1">
      <alignment horizontal="center" vertical="center"/>
    </xf>
  </cellXfs>
  <cellStyles count="4">
    <cellStyle name="標準" xfId="0" builtinId="0"/>
    <cellStyle name="標準 2" xfId="2" xr:uid="{00000000-0005-0000-0000-000001000000}"/>
    <cellStyle name="標準 3" xfId="1" xr:uid="{00000000-0005-0000-0000-000002000000}"/>
    <cellStyle name="標準 4" xfId="3" xr:uid="{00000000-0005-0000-0000-000003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26" Type="http://schemas.openxmlformats.org/officeDocument/2006/relationships/externalLink" Target="externalLinks/externalLink25.xml"/><Relationship Id="rId39" Type="http://schemas.openxmlformats.org/officeDocument/2006/relationships/externalLink" Target="externalLinks/externalLink38.xml"/><Relationship Id="rId3" Type="http://schemas.openxmlformats.org/officeDocument/2006/relationships/externalLink" Target="externalLinks/externalLink2.xml"/><Relationship Id="rId21" Type="http://schemas.openxmlformats.org/officeDocument/2006/relationships/externalLink" Target="externalLinks/externalLink20.xml"/><Relationship Id="rId34" Type="http://schemas.openxmlformats.org/officeDocument/2006/relationships/externalLink" Target="externalLinks/externalLink33.xml"/><Relationship Id="rId42" Type="http://schemas.openxmlformats.org/officeDocument/2006/relationships/externalLink" Target="externalLinks/externalLink41.xml"/><Relationship Id="rId47" Type="http://schemas.openxmlformats.org/officeDocument/2006/relationships/externalLink" Target="externalLinks/externalLink46.xml"/><Relationship Id="rId50" Type="http://schemas.openxmlformats.org/officeDocument/2006/relationships/externalLink" Target="externalLinks/externalLink49.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46" Type="http://schemas.openxmlformats.org/officeDocument/2006/relationships/externalLink" Target="externalLinks/externalLink45.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externalLink" Target="externalLinks/externalLink19.xml"/><Relationship Id="rId29" Type="http://schemas.openxmlformats.org/officeDocument/2006/relationships/externalLink" Target="externalLinks/externalLink28.xml"/><Relationship Id="rId41" Type="http://schemas.openxmlformats.org/officeDocument/2006/relationships/externalLink" Target="externalLinks/externalLink40.xml"/><Relationship Id="rId54"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45" Type="http://schemas.openxmlformats.org/officeDocument/2006/relationships/externalLink" Target="externalLinks/externalLink44.xml"/><Relationship Id="rId53" Type="http://schemas.openxmlformats.org/officeDocument/2006/relationships/styles" Target="styles.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49" Type="http://schemas.openxmlformats.org/officeDocument/2006/relationships/externalLink" Target="externalLinks/externalLink48.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31" Type="http://schemas.openxmlformats.org/officeDocument/2006/relationships/externalLink" Target="externalLinks/externalLink30.xml"/><Relationship Id="rId44" Type="http://schemas.openxmlformats.org/officeDocument/2006/relationships/externalLink" Target="externalLinks/externalLink43.xml"/><Relationship Id="rId52" Type="http://schemas.openxmlformats.org/officeDocument/2006/relationships/theme" Target="theme/theme1.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externalLink" Target="externalLinks/externalLink42.xml"/><Relationship Id="rId48" Type="http://schemas.openxmlformats.org/officeDocument/2006/relationships/externalLink" Target="externalLinks/externalLink47.xml"/><Relationship Id="rId8" Type="http://schemas.openxmlformats.org/officeDocument/2006/relationships/externalLink" Target="externalLinks/externalLink7.xml"/><Relationship Id="rId51" Type="http://schemas.openxmlformats.org/officeDocument/2006/relationships/externalLink" Target="externalLinks/externalLink50.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10.224.247.10\&#32887;&#21729;&#35506;\&#20154;&#20107;&#20418;\&#20154;&#20107;&#20418;\3100_&#12452;&#12531;&#12479;&#12540;&#12531;&#12471;&#12483;&#12503;\&#37117;&#24193;&#12452;&#12531;&#12479;&#12540;&#12531;&#12471;&#12483;&#12503;\R05&#24180;&#24230;\04%20&#21508;&#37096;&#12363;&#12425;\05&#20445;&#25919;\&#12304;050418&#22238;&#31572;&#12305;&#37117;&#24193;&#12452;&#12531;&#12479;&#12540;&#12531;&#12471;&#12483;&#12503;2023&#23455;&#32722;&#37096;&#32626;&#35519;&#26619;&#31080;&#65288;&#20445;&#20581;&#25351;&#23566;&#35519;&#25972;&#25285;&#24403;&#65289;%20.xlsx"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14_&#20013;&#22830;&#21368;&#22770;&#24066;&#22580;&#9675;\02%20&#20877;&#25552;&#20986;\&#12304;&#20877;&#25552;&#20986;&#12305;&#65288;&#26657;&#27491;&#30906;&#35469;&#29992;&#65289;&#65288;&#20013;&#22830;&#21368;&#22770;&#24066;&#22580;&#65289;&#37117;&#24193;&#12452;&#12531;&#12479;&#12540;&#12531;&#12471;&#12483;&#12503;2023&#23455;&#32722;&#37096;&#32626;&#35519;&#26619;&#31080;%20.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doc211.bsv.sanro.tocho.local\12501&#32207;&#21209;&#37096;&#32887;&#21729;&#35506;&#20154;&#20107;&#25285;&#24403;\05_&#25505;&#29992;&#12539;&#36984;&#32771;\&#12452;&#12531;&#12479;&#12540;&#12531;&#12471;&#12483;&#12503;&#21508;&#31278;\&#37117;&#24193;&#12452;&#12531;&#12479;&#12540;&#12531;&#12471;&#12483;&#12503;\&#20196;&#21644;&#65301;&#24180;&#24230;\01%20R5.4.6%20&#20196;&#21644;&#65301;&#24180;&#24230;&#37117;&#24193;&#12452;&#12531;&#12479;&#12540;&#12531;&#12471;&#12483;&#12503;&#21463;&#20837;&#32887;&#22580;&#12398;&#35373;&#23450;&#31561;&#12395;&#12388;&#12356;&#12390;\04%20&#21508;&#37096;&#12424;&#12426;\02_&#12304;02%20&#37329;&#34701;&#37096;&#12305;&#37117;&#24193;&#12452;&#12531;&#12479;&#12540;&#12531;&#12471;&#12483;&#12503;2023&#23455;&#32722;&#37096;&#32626;&#35519;&#26619;&#31080;%20.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doc211.bsv.sanro.tocho.local\12501&#32207;&#21209;&#37096;&#32887;&#21729;&#35506;&#20154;&#20107;&#25285;&#24403;\05_&#25505;&#29992;&#12539;&#36984;&#32771;\&#12452;&#12531;&#12479;&#12540;&#12531;&#12471;&#12483;&#12503;&#21508;&#31278;\&#37117;&#24193;&#12452;&#12531;&#12479;&#12540;&#12531;&#12471;&#12483;&#12503;\&#20196;&#21644;&#65301;&#24180;&#24230;\01%20R5.4.6%20&#20196;&#21644;&#65301;&#24180;&#24230;&#37117;&#24193;&#12452;&#12531;&#12479;&#12540;&#12531;&#12471;&#12483;&#12503;&#21463;&#20837;&#32887;&#22580;&#12398;&#35373;&#23450;&#31561;&#12395;&#12388;&#12356;&#12390;\04%20&#21508;&#37096;&#12424;&#12426;\&#12304;&#12456;&#12493;&#37096;&#12305;&#37117;&#24193;&#12452;&#12531;&#12479;&#12540;&#12531;&#12471;&#12483;&#12503;2023&#23455;&#32722;&#37096;&#32626;&#35519;&#26619;&#31080;.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doc211.bsv.sanro.tocho.local\12501&#32207;&#21209;&#37096;&#32887;&#21729;&#35506;&#20154;&#20107;&#25285;&#24403;\05_&#25505;&#29992;&#12539;&#36984;&#32771;\&#12452;&#12531;&#12479;&#12540;&#12531;&#12471;&#12483;&#12503;&#21508;&#31278;\&#37117;&#24193;&#12452;&#12531;&#12479;&#12540;&#12531;&#12471;&#12483;&#12503;\&#20196;&#21644;&#65301;&#24180;&#24230;\01%20R5.4.6%20&#20196;&#21644;&#65301;&#24180;&#24230;&#37117;&#24193;&#12452;&#12531;&#12479;&#12540;&#12531;&#12471;&#12483;&#12503;&#21463;&#20837;&#32887;&#22580;&#12398;&#35373;&#23450;&#31561;&#12395;&#12388;&#12356;&#12390;\04%20&#21508;&#37096;&#12424;&#12426;\02_&#12304;06%20&#38599;&#29992;&#23601;&#26989;&#37096;&#12305;&#37117;&#24193;&#12452;&#12531;&#12479;&#12540;&#12531;&#12471;&#12483;&#12503;2023&#23455;&#32722;&#37096;&#32626;&#35519;&#26619;&#31080;.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Users/T0532474/AppData/Local/Microsoft/Windows/INetCache/Content.Outlook/A0XL7G6W/02_&#12304;05%20&#36786;&#26519;&#27700;&#29987;&#37096;&#12305;&#37117;&#24193;&#12452;&#12531;&#12479;&#12540;&#12531;&#12471;&#12483;&#12503;2023&#23455;&#32722;&#37096;&#32626;&#35519;&#26619;&#31080;(&#27700;&#29987;&#35506;&#12539;&#23798;&#12375;&#12423;&#12475;).xlsx" TargetMode="External"/></Relationships>
</file>

<file path=xl/externalLinks/_rels/externalLink15.xml.rels><?xml version="1.0" encoding="UTF-8" standalone="yes"?>
<Relationships xmlns="http://schemas.openxmlformats.org/package/2006/relationships"><Relationship Id="rId1" Type="http://schemas.microsoft.com/office/2006/relationships/xlExternalLinkPath/xlPathMissing" Target="02_&#12304;05%20&#36786;&#26519;&#27700;&#29987;&#37096;&#12305;&#37117;&#24193;&#12452;&#12531;&#12479;&#12540;&#12531;&#12471;&#12483;&#12503;2023&#23455;&#32722;&#37096;&#32626;&#35519;&#26619;&#31080;.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10.224.202.21\&#20154;&#20107;&#20418;\&#65330;&#65301;&#24180;&#24230;\10_&#25505;&#29992;\02&#37117;&#24193;&#12452;&#12531;&#12479;&#12540;&#12531;&#12471;&#12483;&#12503;\04&#21508;&#37096;&#12424;&#12426;\&#65288;2&#21517;&#65289;5501.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gesui.local\fs\20&#26045;&#35373;&#31649;&#29702;&#37096;\2011&#31649;&#29702;&#35506;\01&#24246;&#21209;&#20418;\&#20196;&#21644;5&#24180;&#24230;\05_&#20154;&#20107;&#25285;&#24403;&#65288;&#27231;&#23494;A&#65289;\17_&#12452;&#12531;&#12479;&#12540;&#12531;&#12471;&#12483;&#12503;\01_&#21463;&#20837;&#21487;&#33021;&#32887;&#22580;&#12398;&#35519;&#26619;\03_&#21508;&#35506;&#22238;&#31572;\&#65288;&#31649;&#36335;&#31649;&#29702;&#35506;&#65289;03-1_&#12304;&#31532;&#65297;&#12479;&#12540;&#12512;&#12305;&#37117;&#24193;&#12452;&#12531;&#12479;&#12540;&#12531;&#12471;&#12483;&#12503;2023&#23455;&#32722;&#37096;&#32626;&#35519;&#26619;&#31080;.xlsx" TargetMode="External"/></Relationships>
</file>

<file path=xl/externalLinks/_rels/externalLink18.xml.rels><?xml version="1.0" encoding="UTF-8" standalone="yes"?>
<Relationships xmlns="http://schemas.openxmlformats.org/package/2006/relationships"><Relationship Id="rId1" Type="http://schemas.microsoft.com/office/2006/relationships/xlExternalLinkPath/xlPathMissing" Target="&#65288;&#32207;&#21209;&#37096;&#20462;&#27491;&#65289;&#12304;&#31532;&#65297;&#12479;&#12540;&#12512;&#12305;&#8251;&#20107;&#21209;&#65299;&#37096;&#8251;&#37117;&#24193;&#12452;&#12531;&#12479;&#12540;&#12531;&#12471;&#12483;&#12503;2023&#23455;&#32722;&#37096;&#32626;&#35519;&#26619;&#31080;.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19_&#27700;&#36947;&#23616;&#9679;\&#65288;&#26657;&#27491;&#30906;&#35469;&#29992;&#65289;&#12304;&#27700;&#36947;&#23616;&#12305;04_&#37117;&#24193;&#12452;&#12531;&#12479;&#12540;&#12531;&#12471;&#12483;&#12503;2023&#23455;&#32722;&#37096;&#32626;&#35519;&#26619;&#31080;.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10.226.120.3\&#35336;&#30011;&#35506;\&#20154;&#20107;&#38306;&#20418;\01&#12288;&#20154;&#20107;&#25285;&#24403;&#38306;&#20418;\10&#12288;&#25505;&#29992;\05&#12288;&#8544;B&#12539;&#8544;A&#12539;&#12461;&#12515;&#12522;&#12450;&#27963;&#29992;&#65288;&#20154;&#20107;&#22996;&#21729;&#20250;&#25505;&#29992;&#65289;\11&#12288;&#23455;&#32722;&#29983;&#65288;&#12452;&#12531;&#12479;&#12540;&#12531;&#12471;&#12483;&#12503;&#65289;&#21463;&#20837;&#38306;&#20418;\&#37117;&#24193;&#12452;&#12531;&#12479;&#12540;&#12531;&#12471;&#12483;&#12503;\R5&#24180;&#24230;\03&#12288;&#65288;&#21463;&#20837;&#35519;&#26619;&#65289;&#21508;&#25152;&#22238;&#31572;\&#35488;&#26126;03_&#37117;&#24193;&#12452;&#12531;&#12479;&#12540;&#12531;&#12471;&#12483;&#12503;2023&#23455;&#32722;&#37096;&#32626;&#35519;&#26619;&#31080;_.xlsx"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FV2020.kyoiku.tocho.local\&#32207;&#21209;&#35506;\&#20219;&#29992;&#25285;&#24403;\02%20&#25285;&#24403;\R5&#21513;&#24029;\23_&#12452;&#12531;&#12479;&#12540;&#12531;&#12471;&#12483;&#12503;\01_&#37117;&#24193;&#12452;&#12531;&#12479;&#12540;&#12531;&#12471;&#12483;&#12503;\01_&#21463;&#20837;&#32887;&#22580;&#12398;&#35373;&#23450;\04_&#21508;&#37096;&#12363;&#12425;&#12398;&#22238;&#31572;\03_&#25351;&#23566;&#37096;\&#65288;&#25351;&#23566;&#37096;&#65289;04_&#37117;&#24193;&#12452;&#12531;&#12479;&#12540;&#12531;&#12471;&#12483;&#12503;2023&#23455;&#32722;&#37096;&#32626;&#35519;&#26619;&#31080;%20.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FV2020.kyoiku.tocho.local\&#32207;&#21209;&#35506;\&#20219;&#29992;&#25285;&#24403;\02%20&#25285;&#24403;\R5&#21513;&#24029;\23_&#12452;&#12531;&#12479;&#12540;&#12531;&#12471;&#12483;&#12503;\01_&#37117;&#24193;&#12452;&#12531;&#12479;&#12540;&#12531;&#12471;&#12483;&#12503;\01_&#21463;&#20837;&#32887;&#22580;&#12398;&#35373;&#23450;\04_&#21508;&#37096;&#12363;&#12425;&#12398;&#22238;&#31572;\06_&#22320;&#22495;&#37096;\&#65288;&#29983;&#28079;&#23398;&#32722;&#35506;&#65289;04_&#37117;&#24193;&#12452;&#12531;&#12479;&#12540;&#12531;&#12471;&#12483;&#12503;2023&#23455;&#32722;&#37096;&#32626;&#35519;&#26619;&#31080;%20.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Users/T0530915/AppData/Local/Microsoft/Windows/INetCache/Content.Outlook/7NNQDSM2/&#65288;&#12464;&#12525;&#12540;&#12496;&#12523;&#20154;&#26448;&#32946;&#25104;&#37096;&#65289;04_&#37117;&#24193;&#12452;&#12531;&#12479;&#12540;&#12531;&#12471;&#12483;&#12503;2023&#23455;&#32722;&#37096;&#32626;&#35519;&#26619;&#31080;_.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21_&#25945;&#32946;&#24193;&#9679;\&#12304;&#25945;&#32946;&#24193;&#12305;&#65288;&#26657;&#27491;&#30906;&#35469;&#29992;&#65289;&#12304;&#38598;&#32004;&#12305;&#37117;&#24193;&#12452;&#12531;&#12479;&#12540;&#12531;&#12471;&#12483;&#12503;2023&#23455;&#32722;&#37096;&#32626;&#35519;&#26619;&#31080;%20.xlsx"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7_&#21508;&#23616;&#12408;&#26657;&#27491;&#30906;&#35469;&#20381;&#38972;\8_&#29983;&#27963;&#25991;&#21270;&#12473;&#23616;\&#9733;0501&#26178;&#28857;&#12304;&#29983;&#25991;&#12473;&#23616;&#12305;&#37117;&#24193;&#12452;&#12531;&#12479;&#12540;&#12531;&#12471;&#12483;&#12503;2023&#23455;&#32722;&#37096;&#32626;&#35519;&#26619;&#31080;%20.xlsx"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Users/T0533900/AppData/Local/Microsoft/Windows/INetCache/Content.Outlook/AJUZTJAI/&#12304;&#31169;&#23398;&#37096;&#12305;02_&#12304;&#29983;&#25991;&#12473;&#23616;&#12305;&#37117;&#24193;&#12452;&#12531;&#12479;&#12540;&#12531;&#12471;&#12483;&#12503;2023&#23455;&#32722;&#37096;&#32626;&#35519;&#26619;&#31080;_.xlsx"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Users/T0533900/AppData/Local/Microsoft/Windows/INetCache/Content.Outlook/AJUZTJAI/&#65288;&#22269;&#38555;&#12473;&#12509;&#12540;&#12484;&#20107;&#26989;&#37096;&#65289;02_&#12304;&#29983;&#25991;&#12473;&#23616;&#12305;&#37117;&#24193;&#12452;&#12531;&#12479;&#12540;&#12531;&#12471;&#12483;&#12503;2023&#23455;&#32722;&#37096;&#32626;&#35519;&#26619;&#31080;_.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Users/T0533900/AppData/Local/Microsoft/Windows/INetCache/Content.Outlook/AJUZTJAI/&#65288;&#35336;&#37327;&#12539;&#26412;&#25552;&#20986;&#65289;02_&#12304;&#29983;&#25991;&#12473;&#23616;&#12305;&#37117;&#24193;&#12452;&#12531;&#12479;&#12540;&#12531;&#12471;&#12483;&#12503;2023&#23455;&#32722;&#37096;&#32626;&#35519;&#26619;&#31080;.xlsx" TargetMode="External"/></Relationships>
</file>

<file path=xl/externalLinks/_rels/externalLink28.xml.rels><?xml version="1.0" encoding="UTF-8" standalone="yes"?>
<Relationships xmlns="http://schemas.openxmlformats.org/package/2006/relationships"><Relationship Id="rId1" Type="http://schemas.microsoft.com/office/2006/relationships/xlExternalLinkPath/xlPathMissing" Target="02_&#12304;&#25991;&#21270;&#25391;&#33288;&#37096;&#12305;&#37117;&#24193;&#12452;&#12531;&#12479;&#12540;&#12531;&#12471;&#12483;&#12503;2023&#23455;&#32722;&#37096;&#32626;&#35519;&#26619;&#31080;_.xlsx" TargetMode="External"/></Relationships>
</file>

<file path=xl/externalLinks/_rels/externalLink29.xml.rels><?xml version="1.0" encoding="UTF-8" standalone="yes"?>
<Relationships xmlns="http://schemas.openxmlformats.org/package/2006/relationships"><Relationship Id="rId1" Type="http://schemas.microsoft.com/office/2006/relationships/xlExternalLinkPath/xlPathMissing" Target="050425(&#28040;&#29983;&#37096;+&#12475;&#12531;&#12479;&#12540;)02_&#12304;&#29983;&#25991;&#12473;&#23616;&#12305;&#37117;&#24193;&#12452;&#12531;&#12479;&#12540;&#12531;&#12471;&#12483;&#12503;2023&#23455;&#32722;&#37096;&#32626;&#35519;&#26619;&#31080;.xlsx"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12304;&#26441;&#20006;&#12305;03_&#37117;&#24193;&#12452;&#12531;&#12479;&#12540;&#12531;&#12471;&#12483;&#12503;2023&#23455;&#32722;&#37096;&#32626;&#35519;&#26619;&#31080;_.xlsx"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Users/T0533900/AppData/Local/Microsoft/Windows/INetCache/Content.Outlook/AJUZTJAI/02_&#12304;&#25991;&#21270;&#25391;&#33288;&#37096;&#12305;&#37117;&#24193;&#12452;&#12531;&#12479;&#12540;&#12531;&#12471;&#12483;&#12503;2023&#23455;&#32722;&#37096;&#32626;&#35519;&#26619;&#31080;%20(002).xlsx"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10.110.113.4\data\&#31649;&#29702;&#20418;\04.&#31649;&#29702;&#20418;&#20491;&#20154;&#12501;&#12457;&#12523;&#12480;\&#27874;&#22810;\R05\&#9734;&#20966;&#29702;&#20013;&#12398;&#26696;&#20214;&#9734;\R050410&#65374;&#12288;&#20196;&#21644;&#65301;&#24180;&#24230;&#37117;&#24193;&#12452;&#12531;&#12479;&#12540;&#12531;&#12471;&#12483;&#12503;&#23455;&#26045;&#12395;&#20418;&#12427;&#21463;&#20837;&#32887;&#22580;&#12398;&#35373;&#23450;&#12395;&#12388;&#12356;&#12390;&#9733;&#9733;&#12304;4&#26376;17&#26085;&#12294;&#12305;\R050410&#9314;&#65374;&#12288;&#21508;&#35506;&#12363;&#12425;&#12398;&#22238;&#31572;\5&#12288;&#23554;&#38272;&#25945;&#32946;&#21521;&#19978;&#35506;&#9675;&#65288;&#21463;&#20837;&#12428;&#21487;&#65289;\04_&#37117;&#24193;&#12452;&#12531;&#12479;&#12540;&#12531;&#12471;&#12483;&#12503;2023&#23455;&#32722;&#37096;&#32626;&#35519;&#26619;&#31080;%20.xlsx"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N:\&#20154;&#20107;&#35506;\&#20154;&#20107;&#25285;&#24403;\&#20154;&#26448;&#32946;&#25104;&#25285;&#24403;\&#9675;&#24180;&#24230;&#21029;&#12501;&#12457;&#12523;&#12480;\R05\06%20&#26032;&#35215;&#25505;&#29992;&#32887;&#21729;\04%20&#12452;&#12531;&#12479;&#12540;&#12531;&#12471;&#12483;&#12503;\01%20&#20154;&#20107;&#37096;&#12452;&#12531;&#12479;&#12540;&#12531;&#12471;&#12483;&#12503;\03%20&#21508;&#37096;&#12363;&#12425;&#22238;&#31572;\04%20&#38651;&#36554;&#37096;&#9675;\&#12304;&#38651;&#36554;&#37096;&#12305;04_&#37117;&#24193;&#12452;&#12531;&#12479;&#12540;&#12531;&#12471;&#12483;&#12503;2023&#23455;&#32722;&#37096;&#32626;&#35519;&#26619;&#31080;%20.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N:\&#20154;&#20107;&#35506;\&#20154;&#20107;&#25285;&#24403;\&#20154;&#26448;&#32946;&#25104;&#25285;&#24403;\&#9675;&#24180;&#24230;&#21029;&#12501;&#12457;&#12523;&#12480;\R05\06%20&#26032;&#35215;&#25505;&#29992;&#32887;&#21729;\04%20&#12452;&#12531;&#12479;&#12540;&#12531;&#12471;&#12483;&#12503;\01%20&#20154;&#20107;&#37096;&#12452;&#12531;&#12479;&#12540;&#12531;&#12471;&#12483;&#12503;\03%20&#21508;&#37096;&#12363;&#12425;&#22238;&#31572;\06%20&#36554;&#38651;&#37096;&#9675;\04_&#37117;&#24193;&#12452;&#12531;&#12479;&#12540;&#12531;&#12471;&#12483;&#12503;2023&#23455;&#32722;&#37096;&#32626;&#35519;&#26619;&#31080;&#12304;&#36554;&#20001;&#38651;&#27671;&#37096;&#12305;.xlsx"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N:\&#20154;&#20107;&#35506;\&#20154;&#20107;&#25285;&#24403;\&#20154;&#26448;&#32946;&#25104;&#25285;&#24403;\&#9675;&#24180;&#24230;&#21029;&#12501;&#12457;&#12523;&#12480;\R05\06%20&#26032;&#35215;&#25505;&#29992;&#32887;&#21729;\04%20&#12452;&#12531;&#12479;&#12540;&#12531;&#12471;&#12483;&#12503;\01%20&#20154;&#20107;&#37096;&#12452;&#12531;&#12479;&#12540;&#12531;&#12471;&#12483;&#12503;\03%20&#21508;&#37096;&#12363;&#12425;&#22238;&#31572;\01%20&#32207;&#21209;&#37096;&#9675;\&#24046;&#12375;&#26367;&#12360;&#65288;&#32207;&#21209;&#37096;&#65289;04_&#37117;&#24193;&#12452;&#12531;&#12479;&#12540;&#12531;&#12471;&#12483;&#12503;2023&#23455;&#32722;&#37096;&#32626;&#35519;&#26619;&#31080;.xlsx"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10_&#20303;&#25919;&#23616;&#9679;\&#65288;&#26657;&#27491;&#30906;&#35469;&#29992;&#65289;&#37117;&#24193;&#12452;&#12531;&#12479;&#12540;&#12531;&#12471;&#12483;&#12503;2023&#23455;&#32722;&#37096;&#32626;&#35519;&#26619;&#31080;&#65288;&#20303;&#25919;&#20462;&#27491;&#65289;.xlsx"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10.224.61.10\&#37117;&#24066;&#22522;&#30436;&#37096;\20&#35519;&#25972;&#35506;\100&#31649;&#29702;&#25285;&#24403;\10&#31649;&#29702;&#26989;&#21209;\20_&#20154;&#20107;\23_&#12452;&#12531;&#12479;&#12540;&#12531;&#12471;&#12483;&#12503;\&#20196;&#21644;&#65301;&#24180;&#24230;\&#9733;&#20196;&#21644;&#65301;&#24180;&#24230;&#37117;&#24193;&#12452;&#12531;&#12479;&#12540;&#12531;&#12471;&#12483;&#12503;\03_&#21508;&#35506;&#12424;&#12426;&#22238;&#31572;\&#12304;&#20132;&#36890;&#20225;&#30011;&#35506;&#12392;&#12426;&#12414;&#12392;&#12417;+&#12305;04_&#37117;&#24193;&#12452;&#12531;&#12479;&#12540;&#12531;&#12471;&#12483;&#12503;2023&#23455;&#32722;&#37096;&#32626;&#35519;&#26619;&#31080;%20.xlsx" TargetMode="External"/></Relationships>
</file>

<file path=xl/externalLinks/_rels/externalLink37.xml.rels><?xml version="1.0" encoding="UTF-8" standalone="yes"?>
<Relationships xmlns="http://schemas.openxmlformats.org/package/2006/relationships"><Relationship Id="rId1" Type="http://schemas.microsoft.com/office/2006/relationships/xlExternalLinkPath/xlPathMissing" Target="&#12304;&#20225;&#30011;&#35506;&#12305;&#37117;&#24193;&#12452;&#12531;&#12479;&#12540;&#12531;&#12471;&#12483;&#12503;2022&#23455;&#32722;&#37096;&#32626;&#35519;&#26619;&#31080;%20.xlsx"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10.224.61.10\&#32207;&#21209;&#37096;\&#32887;&#21729;&#35506;\&#32887;&#21729;&#35506;&#20849;&#26377;\26&#12288;&#12452;&#12531;&#12479;&#12540;&#12531;&#12471;&#12483;&#12503;\R5&#24180;&#24230;\&#20196;&#21644;5&#24180;&#24230;&#37117;&#24193;&#12452;&#12531;&#12479;&#12540;&#12531;&#12471;&#12483;&#12503;\20230406_&#21463;&#20837;&#32887;&#22580;&#12398;&#35373;&#23450;&#31561;&#12395;&#12388;&#12356;&#12390;\11_&#21508;&#37096;&#25152;&#12424;&#12426;&#22238;&#31572;\&#24314;&#31689;&#37096;\&#12304;&#24314;&#31689;&#37096;&#12539;&#20877;&#25552;&#20986;&#12305;04_&#37117;&#24193;&#12452;&#12531;&#12479;&#12540;&#12531;&#12471;&#12483;&#12503;2023&#23455;&#32722;&#37096;&#32626;&#35519;&#26619;&#31080;.xlsx"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10.224.61.10\&#32207;&#21209;&#37096;\&#32887;&#21729;&#35506;\&#32887;&#21729;&#35506;&#20849;&#26377;\26&#12288;&#12452;&#12531;&#12479;&#12540;&#12531;&#12471;&#12483;&#12503;\R5&#24180;&#24230;\&#20196;&#21644;5&#24180;&#24230;&#37117;&#24193;&#12452;&#12531;&#12479;&#12540;&#12531;&#12471;&#12483;&#12503;\20230406_&#21463;&#20837;&#32887;&#22580;&#12398;&#35373;&#23450;&#31561;&#12395;&#12388;&#12356;&#12390;\11_&#21508;&#37096;&#25152;&#12424;&#12426;&#22238;&#31572;\&#20108;&#25972;\&#65288;&#20108;&#25972;&#65289;04_&#37117;&#24193;&#12452;&#12531;&#12479;&#12540;&#12531;&#12471;&#12483;&#12503;2023&#23455;&#32722;&#37096;&#32626;&#35519;&#26619;&#31080;_.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Z:\03-1%20&#12522;&#12463;&#12523;&#12540;&#12488;&#26989;&#21209;&#12395;&#38306;&#12377;&#12427;&#12371;&#12392;\03%20%20&#12522;&#12463;&#12523;&#12540;&#12488;&#27963;&#21205;&#65288;&#65330;&#65301;&#65289;\14%20%20%20%20&#12452;&#12531;&#12479;&#12540;&#12531;&#12471;&#12483;&#12503;\2%20%20%20%20&#37117;&#24193;&#12452;&#12531;&#12479;&#12540;&#12531;&#12471;&#12483;&#12503;2023\&#65299;%20&#21508;&#25152;&#22238;&#31572;\&#31435;&#24029;&#24515;&#29702;&#65289;&#37117;&#24193;&#12452;&#12531;&#12479;&#12540;&#12531;&#12471;&#12483;&#12503;2023&#23455;&#32722;&#37096;&#32626;&#35519;&#26619;&#31080;.xlsx"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9_&#37117;&#24066;&#25972;&#20633;&#23616;&#9675;\&#65288;&#26657;&#27491;&#30906;&#35469;&#29992;&#65289;&#12304;&#37117;&#25972;&#12305;04_&#37117;&#24193;&#12452;&#12531;&#12479;&#12540;&#12531;&#12471;&#12483;&#12503;2023&#23455;&#32722;&#37096;&#32626;&#35519;&#26619;&#31080;.xlsx"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16_&#28207;&#28286;&#23616;&#9679;\&#65288;&#26657;&#27491;&#30906;&#35469;&#29992;&#65289;&#12304;&#28207;&#28286;&#23616;&#12305;04_&#37117;&#24193;&#12452;&#12531;&#12479;&#12540;&#12531;&#12471;&#12483;&#12503;2023&#23455;&#32722;&#37096;&#32626;&#35519;&#26619;&#31080;%20.xlsx"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10.224.61.10\&#32207;&#21209;&#37096;\&#32887;&#21729;&#35506;\&#32887;&#21729;&#35506;&#20849;&#26377;\26&#12288;&#12452;&#12531;&#12479;&#12540;&#12531;&#12471;&#12483;&#12503;\R5&#24180;&#24230;\&#20196;&#21644;5&#24180;&#24230;&#37117;&#24193;&#12452;&#12531;&#12479;&#12540;&#12531;&#12471;&#12483;&#12503;\20230406_&#21463;&#20837;&#32887;&#22580;&#12398;&#35373;&#23450;&#31561;&#12395;&#12388;&#12356;&#12390;\11_&#21508;&#37096;&#25152;&#12424;&#12426;&#22238;&#31572;\&#22522;&#30436;&#37096;\230426&#12304;&#22522;&#30436;&#37096;&#12305;04_&#37117;&#24193;&#12452;&#12531;&#12479;&#12540;&#12531;&#12471;&#12483;&#12503;2023&#23455;&#32722;&#37096;&#32626;&#35519;&#26619;&#31080;.xlsx"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10.224.173.2\4201&#32207;&#21209;&#35506;&#12539;&#20225;&#30011;&#35336;&#29702;&#35506;\4201jinji\003&#12288;&#20154;&#20107;&#65288;&#19968;&#33324;&#65289;\08_&#12452;&#12531;&#12479;&#12540;&#12531;&#12471;&#12483;&#12503;\R4&#24180;&#24230;\03&#20154;&#20107;&#37096;&#12408;&#22238;&#31572;\&#12304;&#25919;&#31574;&#20225;&#30011;&#23616;&#12539;&#22238;&#31572;&#12305;&#37117;&#24193;&#12452;&#12531;&#12479;&#12540;&#12531;&#12471;&#12483;&#12503;2022&#23455;&#32722;&#37096;&#32626;&#35519;&#26619;&#31080;%20.xlsx"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10.224.229.10\&#20154;&#20107;&#25285;&#24403;\&#9734;&#20196;&#21644;5&#24180;&#24230;&#9734;\060%20&#25505;&#29992;&#12539;&#21021;&#20219;&#32102;&#27770;&#23450;\02_&#25505;&#29992;PR\01_&#37117;&#24193;&#12452;&#12531;&#12479;&#12540;&#12531;\04_&#25152;&#23646;&#12424;&#12426;\&#20154;&#20107;&#37096;\02_&#65288;&#25505;&#29992;&#29677;&#12539;&#32946;&#25104;&#29677;&#65289;&#37117;&#24193;&#12452;&#12531;&#12479;&#12540;&#12531;&#12471;&#12483;&#12503;2023&#23455;&#32722;&#37096;&#32626;&#35519;&#26619;&#31080;%20.xlsx"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10.224.229.10\&#20154;&#20107;&#25285;&#24403;\&#9734;&#20196;&#21644;5&#24180;&#24230;&#9734;\060%20&#25505;&#29992;&#12539;&#21021;&#20219;&#32102;&#27770;&#23450;\02_&#25505;&#29992;PR\01_&#37117;&#24193;&#12452;&#12531;&#12479;&#12540;&#12531;\04_&#25152;&#23646;&#12424;&#12426;\&#34892;&#25919;&#37096;\&#65288;&#34892;&#25919;&#37096;&#65289;&#37117;&#24193;&#12452;&#12531;&#12479;&#12540;&#12531;&#12471;&#12483;&#12503;2023&#23455;&#32722;&#37096;&#32626;&#35519;&#26619;&#31080;%20.xlsx" TargetMode="External"/></Relationships>
</file>

<file path=xl/externalLinks/_rels/externalLink46.xml.rels><?xml version="1.0" encoding="UTF-8" standalone="yes"?>
<Relationships xmlns="http://schemas.openxmlformats.org/package/2006/relationships"><Relationship Id="rId1" Type="http://schemas.microsoft.com/office/2006/relationships/xlExternalLinkPath/xlPathMissing" Target="02_&#65288;&#20154;&#26448;&#25903;&#25588;&#20107;&#26989;&#22243;_&#20154;&#26448;&#32946;&#25104;&#12475;&#12531;&#12479;&#12540;&#65289;&#37117;&#24193;&#12452;&#12531;&#12479;&#12540;&#12531;&#12471;&#12483;&#12503;2023&#23455;&#32722;&#37096;&#32626;&#35519;&#26619;&#31080;_.xlsx" TargetMode="External"/></Relationships>
</file>

<file path=xl/externalLinks/_rels/externalLink47.xml.rels><?xml version="1.0" encoding="UTF-8" standalone="yes"?>
<Relationships xmlns="http://schemas.openxmlformats.org/package/2006/relationships"><Relationship Id="rId1" Type="http://schemas.microsoft.com/office/2006/relationships/xlExternalLinkPath/xlPathMissing" Target="02_&#65288;&#20154;&#27177;&#37096;&#65289;&#37117;&#24193;&#12452;&#12531;&#12479;&#12540;&#12531;&#12471;&#12483;&#12503;2023&#23455;&#32722;&#37096;&#32626;&#35519;&#26619;&#31080;.xlsx"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2_&#23376;&#20379;&#25919;&#31574;&#36899;&#25658;&#23460;&#9675;\&#65288;&#26657;&#27491;&#30906;&#35469;&#29992;&#65289;&#37117;&#24193;&#12452;&#12531;&#12479;&#12540;&#12531;&#12471;&#12483;&#12503;2023&#23455;&#32722;&#37096;&#32626;&#35519;&#26619;&#31080;&#65288;&#23376;&#20379;&#25919;&#31574;&#36899;&#25658;&#23460;&#65289;%20.xlsx"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10.224.32.2\11-40_&#32207;&#21209;&#37096;&#12487;&#12472;&#12479;&#12523;&#20154;&#26448;&#25126;&#30053;&#35506;\03_ICT&#20154;&#26448;&#25505;&#29992;&#25285;&#24403;\20_&#25505;&#29992;&#12452;&#12505;&#12531;&#12488;&#38306;&#36899;&#26989;&#21209;\10_&#37117;&#24193;&#12452;&#12531;&#12479;&#12540;&#12531;&#12471;&#12483;&#12503;&#23550;&#24540;\R5\10_&#21463;&#20837;&#35519;&#26619;\20230418_&#25512;&#36914;&#37096;&#12363;&#12425;&#22238;&#31572;\&#65288;&#25512;&#36914;&#37096;&#65289;&#12304;&#12487;&#12472;ICT&#12305;04_&#37117;&#24193;&#12452;&#12531;&#12479;&#12540;&#12531;&#12471;&#12483;&#12503;2023&#23455;&#32722;&#37096;&#32626;&#35519;&#26619;&#31080;%20.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Z:\03-1%20&#12522;&#12463;&#12523;&#12540;&#12488;&#26989;&#21209;&#12395;&#38306;&#12377;&#12427;&#12371;&#12392;\03%20%20&#12522;&#12463;&#12523;&#12540;&#12488;&#27963;&#21205;&#65288;&#65330;&#65301;&#65289;\14%20%20%20%20&#12452;&#12531;&#12479;&#12540;&#12531;&#12471;&#12483;&#12503;\2%20%20%20%20&#37117;&#24193;&#12452;&#12531;&#12479;&#12540;&#12531;&#12471;&#12483;&#12503;2023\&#65299;%20&#21508;&#25152;&#22238;&#31572;\&#20843;&#29579;&#23376;_&#37117;&#24193;&#12452;&#12531;&#12479;&#12540;&#12531;&#12471;&#12483;&#12503;2023&#23455;&#32722;&#37096;&#32626;&#35519;&#26619;&#31080;%20.xlsx"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7_&#20027;&#31246;&#23616;&#9675;\&#65288;&#26657;&#27491;&#30906;&#35469;&#29992;&#65289;&#12304;&#20027;&#31246;&#23616;&#12305;04_&#37117;&#24193;&#12452;&#12531;&#12479;&#12540;&#12531;&#12471;&#12483;&#12503;2023&#23455;&#32722;&#37096;&#32626;&#35519;&#26619;&#31080;.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Z:\03-1%20&#12522;&#12463;&#12523;&#12540;&#12488;&#26989;&#21209;&#12395;&#38306;&#12377;&#12427;&#12371;&#12392;\03%20%20&#12522;&#12463;&#12523;&#12540;&#12488;&#27963;&#21205;&#65288;&#65330;&#65301;&#65289;\14%20%20%20%20&#12452;&#12531;&#12479;&#12540;&#12531;&#12471;&#12483;&#12503;\2%20%20%20%20&#37117;&#24193;&#12452;&#12531;&#12479;&#12540;&#12531;&#12471;&#12483;&#12503;2023\&#65299;%20&#21508;&#25152;&#22238;&#31572;\&#65288;&#31435;&#24029;&#21335;&#65289;03_&#37117;&#24193;&#12452;&#12531;&#12479;&#12540;&#12531;&#12471;&#12483;&#12503;2023&#23455;&#32722;&#37096;&#32626;&#35519;&#26619;&#31080;_.xlsx" TargetMode="External"/></Relationships>
</file>

<file path=xl/externalLinks/_rels/externalLink7.xml.rels><?xml version="1.0" encoding="UTF-8" standalone="yes"?>
<Relationships xmlns="http://schemas.openxmlformats.org/package/2006/relationships"><Relationship Id="rId1" Type="http://schemas.microsoft.com/office/2006/relationships/xlExternalLinkPath/xlPathMissing" Target="&#12304;&#34220;&#21209;&#35506;&#12305;03_&#37117;&#24193;&#12452;&#12531;&#12479;&#12540;&#12531;&#12471;&#12483;&#12503;2023&#23455;&#32722;&#37096;&#32626;&#35519;&#26619;&#31080;%20.xlsx" TargetMode="External"/></Relationships>
</file>

<file path=xl/externalLinks/_rels/externalLink8.xml.rels><?xml version="1.0" encoding="UTF-8" standalone="yes"?>
<Relationships xmlns="http://schemas.openxmlformats.org/package/2006/relationships"><Relationship Id="rId1" Type="http://schemas.microsoft.com/office/2006/relationships/xlExternalLinkPath/xlPathMissing" Target="&#23569;&#23376;_&#37117;&#24193;&#12452;&#12531;&#12479;&#12540;&#12531;&#12471;&#12483;&#12503;2023&#23455;&#32722;&#37096;&#32626;&#35519;&#26619;&#31080;_.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10.224.247.10\&#32887;&#21729;&#35506;\&#20154;&#20107;&#20418;\&#20154;&#20107;&#20418;\3100_&#12452;&#12531;&#12479;&#12540;&#12531;&#12471;&#12483;&#12503;\&#37117;&#24193;&#12452;&#12531;&#12479;&#12540;&#12531;&#12471;&#12483;&#12503;\R05&#24180;&#24230;\04%20&#21508;&#37096;&#12363;&#12425;\09&#38556;&#23475;\&#12304;&#38556;&#23475;&#37096;&#12305;03_&#37117;&#24193;&#12452;&#12531;&#12479;&#12540;&#12531;&#12471;&#12483;&#12503;2023&#23455;&#32722;&#37096;&#32626;&#35519;&#26619;&#3108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第1ターム】"/>
      <sheetName val="調査票【第2ターム】"/>
      <sheetName val="（参考）R4年度 調査票"/>
      <sheetName val="（参考）R4年度プレス 実習一覧"/>
      <sheetName val="（参考）R4年度 事前連絡カード"/>
      <sheetName val="コード"/>
    </sheetNames>
    <sheetDataSet>
      <sheetData sheetId="0"/>
      <sheetData sheetId="1"/>
      <sheetData sheetId="2"/>
      <sheetData sheetId="3"/>
      <sheetData sheetId="4"/>
      <sheetData sheetId="5"/>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 val="調査票"/>
      <sheetName val="（参考）R4年度 調査票"/>
      <sheetName val="（参考）R4年度プレス 実習一覧"/>
      <sheetName val="（参考）R4年度 事前連絡カード"/>
    </sheetNames>
    <sheetDataSet>
      <sheetData sheetId="0" refreshError="1"/>
      <sheetData sheetId="1" refreshError="1"/>
      <sheetData sheetId="2" refreshError="1"/>
      <sheetData sheetId="3" refreshError="1"/>
      <sheetData sheetId="4"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第1ターム】"/>
      <sheetName val="調査票【第2ターム】"/>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 sheetId="5"/>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コード"/>
    </sheetNames>
    <sheetDataSet>
      <sheetData sheetId="0" refreshError="1"/>
      <sheetData sheetId="1" refreshError="1"/>
      <sheetData sheetId="2" refreshError="1"/>
      <sheetData sheetId="3"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コード"/>
    </sheetNames>
    <sheetDataSet>
      <sheetData sheetId="0" refreshError="1"/>
      <sheetData sheetId="1" refreshError="1"/>
      <sheetData sheetId="2" refreshError="1"/>
      <sheetData sheetId="3"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第1ターム】"/>
      <sheetName val="調査票【第2ターム】"/>
      <sheetName val="（参考）R4年度 調査票"/>
      <sheetName val="（参考）R4年度プレス 実習一覧"/>
      <sheetName val="コード"/>
    </sheetNames>
    <sheetDataSet>
      <sheetData sheetId="0" refreshError="1"/>
      <sheetData sheetId="1" refreshError="1"/>
      <sheetData sheetId="2" refreshError="1"/>
      <sheetData sheetId="3" refreshError="1"/>
      <sheetData sheetId="4"/>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第1ターム】"/>
      <sheetName val="調査票【第2ターム】"/>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 sheetId="5"/>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sheetData sheetId="1"/>
      <sheetData sheetId="2"/>
      <sheetData sheetId="3"/>
      <sheetData sheetId="4"/>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 val="調査票"/>
      <sheetName val="（参考）R4年度 調査票"/>
      <sheetName val="（参考）R4年度プレス 実習一覧"/>
      <sheetName val="（参考）R4年度 事前連絡カード"/>
    </sheetNames>
    <sheetDataSet>
      <sheetData sheetId="0" refreshError="1"/>
      <sheetData sheetId="1" refreshError="1"/>
      <sheetData sheetId="2" refreshError="1"/>
      <sheetData sheetId="3" refreshError="1"/>
      <sheetData sheetId="4"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 val="調査票"/>
      <sheetName val="（参考）R4年度 調査票"/>
      <sheetName val="（参考）R4年度プレス 実習一覧"/>
      <sheetName val="（参考）R4年度 事前連絡カード"/>
    </sheetNames>
    <sheetDataSet>
      <sheetData sheetId="0" refreshError="1"/>
      <sheetData sheetId="1" refreshError="1"/>
      <sheetData sheetId="2" refreshError="1"/>
      <sheetData sheetId="3" refreshError="1"/>
      <sheetData sheetId="4"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 val="調査票"/>
      <sheetName val="（参考）R4年度 調査票"/>
      <sheetName val="（参考）R4年度プレス 実習一覧"/>
      <sheetName val="（参考）R4年度 事前連絡カード"/>
    </sheetNames>
    <sheetDataSet>
      <sheetData sheetId="0"/>
      <sheetData sheetId="1" refreshError="1"/>
      <sheetData sheetId="2" refreshError="1"/>
      <sheetData sheetId="3" refreshError="1"/>
      <sheetData sheetId="4"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第1ターム】"/>
      <sheetName val="調査票【第2ターム】"/>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 sheetId="5"/>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第1ターム）"/>
      <sheetName val="調査票 (第2ターム)"/>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 sheetId="5"/>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31年度 調査票"/>
      <sheetName val="（参考）31年度プレス 実習一覧"/>
      <sheetName val="（参考）31年度 事前連絡カード"/>
      <sheetName val="コード"/>
    </sheetNames>
    <sheetDataSet>
      <sheetData sheetId="0" refreshError="1"/>
      <sheetData sheetId="1" refreshError="1"/>
      <sheetData sheetId="2" refreshError="1"/>
      <sheetData sheetId="3" refreshError="1"/>
      <sheetData sheetId="4"/>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 val="調査票【第1ターム】"/>
      <sheetName val="調査票【第2ターム】"/>
      <sheetName val="（参考）R4年度 調査票"/>
      <sheetName val="（参考）R4年度プレス 実習一覧"/>
      <sheetName val="（参考）R4年度 事前連絡カード"/>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J1468"/>
  <sheetViews>
    <sheetView tabSelected="1" view="pageBreakPreview" zoomScale="130" zoomScaleNormal="80" zoomScaleSheetLayoutView="130" zoomScalePageLayoutView="115" workbookViewId="0">
      <selection activeCell="M8" sqref="M8"/>
    </sheetView>
  </sheetViews>
  <sheetFormatPr defaultColWidth="9" defaultRowHeight="17.399999999999999" x14ac:dyDescent="0.2"/>
  <cols>
    <col min="1" max="1" width="6.33203125" style="3" customWidth="1"/>
    <col min="2" max="2" width="13.88671875" style="16" customWidth="1"/>
    <col min="3" max="3" width="22.21875" style="1" customWidth="1"/>
    <col min="4" max="4" width="6.44140625" style="4" customWidth="1"/>
    <col min="5" max="5" width="8.44140625" style="4" customWidth="1"/>
    <col min="6" max="6" width="6.44140625" style="89" customWidth="1"/>
    <col min="7" max="7" width="6.44140625" style="4" customWidth="1"/>
    <col min="8" max="8" width="6.44140625" style="1" customWidth="1"/>
    <col min="9" max="9" width="6.44140625" style="2" customWidth="1"/>
    <col min="10" max="10" width="54.21875" style="15" customWidth="1"/>
    <col min="11" max="16384" width="9" style="12"/>
  </cols>
  <sheetData>
    <row r="1" spans="1:10" ht="37.5" customHeight="1" x14ac:dyDescent="0.2">
      <c r="A1" s="99" t="s">
        <v>10</v>
      </c>
      <c r="B1" s="100"/>
      <c r="C1" s="100"/>
      <c r="D1" s="100"/>
      <c r="E1" s="100"/>
      <c r="F1" s="100"/>
      <c r="G1" s="100"/>
      <c r="H1" s="100"/>
      <c r="I1" s="100"/>
      <c r="J1" s="101"/>
    </row>
    <row r="2" spans="1:10" s="13" customFormat="1" ht="25.5" customHeight="1" x14ac:dyDescent="0.2">
      <c r="A2" s="5" t="s">
        <v>0</v>
      </c>
      <c r="B2" s="7" t="s">
        <v>1</v>
      </c>
      <c r="C2" s="6" t="s">
        <v>2</v>
      </c>
      <c r="D2" s="7" t="s">
        <v>3</v>
      </c>
      <c r="E2" s="7" t="s">
        <v>4</v>
      </c>
      <c r="F2" s="7" t="s">
        <v>7</v>
      </c>
      <c r="G2" s="78" t="s">
        <v>8</v>
      </c>
      <c r="H2" s="8" t="s">
        <v>6</v>
      </c>
      <c r="I2" s="9" t="s">
        <v>5</v>
      </c>
      <c r="J2" s="10" t="s">
        <v>9</v>
      </c>
    </row>
    <row r="3" spans="1:10" s="13" customFormat="1" ht="33.75" customHeight="1" x14ac:dyDescent="0.2">
      <c r="A3" s="96" t="s">
        <v>328</v>
      </c>
      <c r="B3" s="97"/>
      <c r="C3" s="97"/>
      <c r="D3" s="97"/>
      <c r="E3" s="97"/>
      <c r="F3" s="97"/>
      <c r="G3" s="97"/>
      <c r="H3" s="97"/>
      <c r="I3" s="97"/>
      <c r="J3" s="98"/>
    </row>
    <row r="4" spans="1:10" s="14" customFormat="1" ht="46.5" customHeight="1" x14ac:dyDescent="0.2">
      <c r="A4" s="11">
        <v>1</v>
      </c>
      <c r="B4" s="28" t="s">
        <v>11</v>
      </c>
      <c r="C4" s="17" t="s">
        <v>15</v>
      </c>
      <c r="D4" s="19" t="s">
        <v>32</v>
      </c>
      <c r="E4" s="21" t="s">
        <v>36</v>
      </c>
      <c r="F4" s="79">
        <v>45145</v>
      </c>
      <c r="G4" s="23">
        <v>45148</v>
      </c>
      <c r="H4" s="25">
        <v>4</v>
      </c>
      <c r="I4" s="27">
        <v>4</v>
      </c>
      <c r="J4" s="17" t="s">
        <v>52</v>
      </c>
    </row>
    <row r="5" spans="1:10" s="14" customFormat="1" ht="46.5" customHeight="1" x14ac:dyDescent="0.2">
      <c r="A5" s="11">
        <v>2</v>
      </c>
      <c r="B5" s="28" t="s">
        <v>11</v>
      </c>
      <c r="C5" s="17" t="s">
        <v>16</v>
      </c>
      <c r="D5" s="19" t="s">
        <v>33</v>
      </c>
      <c r="E5" s="21" t="s">
        <v>37</v>
      </c>
      <c r="F5" s="79">
        <v>45145</v>
      </c>
      <c r="G5" s="23">
        <v>45146</v>
      </c>
      <c r="H5" s="25">
        <v>2</v>
      </c>
      <c r="I5" s="27">
        <v>1</v>
      </c>
      <c r="J5" s="17" t="s">
        <v>53</v>
      </c>
    </row>
    <row r="6" spans="1:10" s="14" customFormat="1" ht="46.5" customHeight="1" x14ac:dyDescent="0.2">
      <c r="A6" s="11">
        <v>3</v>
      </c>
      <c r="B6" s="28" t="s">
        <v>11</v>
      </c>
      <c r="C6" s="17" t="s">
        <v>14</v>
      </c>
      <c r="D6" s="19" t="s">
        <v>33</v>
      </c>
      <c r="E6" s="21" t="s">
        <v>37</v>
      </c>
      <c r="F6" s="79">
        <v>45140</v>
      </c>
      <c r="G6" s="23">
        <v>45141</v>
      </c>
      <c r="H6" s="25">
        <v>2</v>
      </c>
      <c r="I6" s="27">
        <v>1</v>
      </c>
      <c r="J6" s="17" t="s">
        <v>54</v>
      </c>
    </row>
    <row r="7" spans="1:10" s="14" customFormat="1" ht="46.5" customHeight="1" x14ac:dyDescent="0.2">
      <c r="A7" s="11">
        <v>4</v>
      </c>
      <c r="B7" s="28" t="s">
        <v>11</v>
      </c>
      <c r="C7" s="17" t="s">
        <v>17</v>
      </c>
      <c r="D7" s="19" t="s">
        <v>33</v>
      </c>
      <c r="E7" s="21" t="s">
        <v>37</v>
      </c>
      <c r="F7" s="79">
        <v>45146</v>
      </c>
      <c r="G7" s="23">
        <v>45147</v>
      </c>
      <c r="H7" s="25">
        <v>2</v>
      </c>
      <c r="I7" s="27">
        <v>2</v>
      </c>
      <c r="J7" s="17" t="s">
        <v>55</v>
      </c>
    </row>
    <row r="8" spans="1:10" s="14" customFormat="1" ht="46.5" customHeight="1" x14ac:dyDescent="0.2">
      <c r="A8" s="11">
        <v>5</v>
      </c>
      <c r="B8" s="28" t="s">
        <v>11</v>
      </c>
      <c r="C8" s="17" t="s">
        <v>12</v>
      </c>
      <c r="D8" s="19" t="s">
        <v>33</v>
      </c>
      <c r="E8" s="21" t="s">
        <v>38</v>
      </c>
      <c r="F8" s="79">
        <v>45134</v>
      </c>
      <c r="G8" s="23">
        <v>45135</v>
      </c>
      <c r="H8" s="25">
        <v>2</v>
      </c>
      <c r="I8" s="25">
        <v>1</v>
      </c>
      <c r="J8" s="17" t="s">
        <v>56</v>
      </c>
    </row>
    <row r="9" spans="1:10" s="14" customFormat="1" ht="46.5" customHeight="1" x14ac:dyDescent="0.2">
      <c r="A9" s="11">
        <v>6</v>
      </c>
      <c r="B9" s="28" t="s">
        <v>11</v>
      </c>
      <c r="C9" s="17" t="s">
        <v>18</v>
      </c>
      <c r="D9" s="19" t="s">
        <v>33</v>
      </c>
      <c r="E9" s="21" t="s">
        <v>38</v>
      </c>
      <c r="F9" s="79">
        <v>45141</v>
      </c>
      <c r="G9" s="23">
        <v>45142</v>
      </c>
      <c r="H9" s="25">
        <v>2</v>
      </c>
      <c r="I9" s="27">
        <v>1</v>
      </c>
      <c r="J9" s="17" t="s">
        <v>57</v>
      </c>
    </row>
    <row r="10" spans="1:10" s="14" customFormat="1" ht="46.5" customHeight="1" x14ac:dyDescent="0.2">
      <c r="A10" s="11">
        <v>7</v>
      </c>
      <c r="B10" s="28" t="s">
        <v>11</v>
      </c>
      <c r="C10" s="17" t="s">
        <v>13</v>
      </c>
      <c r="D10" s="19" t="s">
        <v>33</v>
      </c>
      <c r="E10" s="21" t="s">
        <v>38</v>
      </c>
      <c r="F10" s="79">
        <v>45141</v>
      </c>
      <c r="G10" s="23">
        <v>45142</v>
      </c>
      <c r="H10" s="25">
        <v>2</v>
      </c>
      <c r="I10" s="27">
        <v>1</v>
      </c>
      <c r="J10" s="17" t="s">
        <v>58</v>
      </c>
    </row>
    <row r="11" spans="1:10" s="14" customFormat="1" ht="46.5" customHeight="1" x14ac:dyDescent="0.2">
      <c r="A11" s="11">
        <v>8</v>
      </c>
      <c r="B11" s="28" t="s">
        <v>11</v>
      </c>
      <c r="C11" s="17" t="s">
        <v>19</v>
      </c>
      <c r="D11" s="19" t="s">
        <v>33</v>
      </c>
      <c r="E11" s="21" t="s">
        <v>39</v>
      </c>
      <c r="F11" s="79">
        <v>45146</v>
      </c>
      <c r="G11" s="23">
        <v>45148</v>
      </c>
      <c r="H11" s="25">
        <v>3</v>
      </c>
      <c r="I11" s="27">
        <v>2</v>
      </c>
      <c r="J11" s="17" t="s">
        <v>67</v>
      </c>
    </row>
    <row r="12" spans="1:10" s="14" customFormat="1" ht="46.5" customHeight="1" x14ac:dyDescent="0.2">
      <c r="A12" s="11">
        <v>9</v>
      </c>
      <c r="B12" s="28" t="s">
        <v>11</v>
      </c>
      <c r="C12" s="17" t="s">
        <v>20</v>
      </c>
      <c r="D12" s="19" t="s">
        <v>34</v>
      </c>
      <c r="E12" s="21" t="s">
        <v>38</v>
      </c>
      <c r="F12" s="79">
        <v>45134</v>
      </c>
      <c r="G12" s="23">
        <v>45135</v>
      </c>
      <c r="H12" s="25">
        <v>2</v>
      </c>
      <c r="I12" s="25">
        <v>1</v>
      </c>
      <c r="J12" s="17" t="s">
        <v>59</v>
      </c>
    </row>
    <row r="13" spans="1:10" s="14" customFormat="1" ht="46.5" customHeight="1" x14ac:dyDescent="0.2">
      <c r="A13" s="11">
        <v>10</v>
      </c>
      <c r="B13" s="28" t="s">
        <v>11</v>
      </c>
      <c r="C13" s="17" t="s">
        <v>21</v>
      </c>
      <c r="D13" s="19" t="s">
        <v>32</v>
      </c>
      <c r="E13" s="21" t="s">
        <v>40</v>
      </c>
      <c r="F13" s="79">
        <v>45133</v>
      </c>
      <c r="G13" s="23">
        <v>45134</v>
      </c>
      <c r="H13" s="25">
        <v>2</v>
      </c>
      <c r="I13" s="27">
        <v>1</v>
      </c>
      <c r="J13" s="17" t="s">
        <v>60</v>
      </c>
    </row>
    <row r="14" spans="1:10" s="14" customFormat="1" ht="46.5" customHeight="1" x14ac:dyDescent="0.2">
      <c r="A14" s="11">
        <v>11</v>
      </c>
      <c r="B14" s="28" t="s">
        <v>11</v>
      </c>
      <c r="C14" s="17" t="s">
        <v>22</v>
      </c>
      <c r="D14" s="19" t="s">
        <v>33</v>
      </c>
      <c r="E14" s="21" t="s">
        <v>37</v>
      </c>
      <c r="F14" s="79">
        <v>45134</v>
      </c>
      <c r="G14" s="23">
        <v>45135</v>
      </c>
      <c r="H14" s="25">
        <v>2</v>
      </c>
      <c r="I14" s="27">
        <v>2</v>
      </c>
      <c r="J14" s="17" t="s">
        <v>61</v>
      </c>
    </row>
    <row r="15" spans="1:10" s="14" customFormat="1" ht="46.5" customHeight="1" x14ac:dyDescent="0.2">
      <c r="A15" s="11">
        <v>12</v>
      </c>
      <c r="B15" s="28" t="s">
        <v>11</v>
      </c>
      <c r="C15" s="17" t="s">
        <v>23</v>
      </c>
      <c r="D15" s="19" t="s">
        <v>33</v>
      </c>
      <c r="E15" s="21" t="s">
        <v>38</v>
      </c>
      <c r="F15" s="79">
        <v>45140</v>
      </c>
      <c r="G15" s="23">
        <v>45141</v>
      </c>
      <c r="H15" s="25">
        <v>2</v>
      </c>
      <c r="I15" s="27">
        <v>1</v>
      </c>
      <c r="J15" s="17" t="s">
        <v>69</v>
      </c>
    </row>
    <row r="16" spans="1:10" s="14" customFormat="1" ht="49.2" customHeight="1" x14ac:dyDescent="0.2">
      <c r="A16" s="11">
        <v>13</v>
      </c>
      <c r="B16" s="28" t="s">
        <v>11</v>
      </c>
      <c r="C16" s="17" t="s">
        <v>24</v>
      </c>
      <c r="D16" s="19" t="s">
        <v>34</v>
      </c>
      <c r="E16" s="21" t="s">
        <v>51</v>
      </c>
      <c r="F16" s="79">
        <v>45140</v>
      </c>
      <c r="G16" s="23">
        <v>45141</v>
      </c>
      <c r="H16" s="25">
        <v>2</v>
      </c>
      <c r="I16" s="27">
        <v>2</v>
      </c>
      <c r="J16" s="17" t="s">
        <v>68</v>
      </c>
    </row>
    <row r="17" spans="1:10" s="14" customFormat="1" ht="46.5" customHeight="1" x14ac:dyDescent="0.2">
      <c r="A17" s="11">
        <v>14</v>
      </c>
      <c r="B17" s="28" t="s">
        <v>11</v>
      </c>
      <c r="C17" s="17" t="s">
        <v>25</v>
      </c>
      <c r="D17" s="19" t="s">
        <v>32</v>
      </c>
      <c r="E17" s="21" t="s">
        <v>41</v>
      </c>
      <c r="F17" s="79">
        <v>45139</v>
      </c>
      <c r="G17" s="23">
        <v>45140</v>
      </c>
      <c r="H17" s="25">
        <v>2</v>
      </c>
      <c r="I17" s="27">
        <v>1</v>
      </c>
      <c r="J17" s="17" t="s">
        <v>62</v>
      </c>
    </row>
    <row r="18" spans="1:10" s="14" customFormat="1" ht="46.5" customHeight="1" x14ac:dyDescent="0.2">
      <c r="A18" s="11">
        <v>15</v>
      </c>
      <c r="B18" s="28" t="s">
        <v>11</v>
      </c>
      <c r="C18" s="17" t="s">
        <v>26</v>
      </c>
      <c r="D18" s="19" t="s">
        <v>32</v>
      </c>
      <c r="E18" s="21" t="s">
        <v>42</v>
      </c>
      <c r="F18" s="79">
        <v>45146</v>
      </c>
      <c r="G18" s="23">
        <v>45147</v>
      </c>
      <c r="H18" s="25">
        <v>2</v>
      </c>
      <c r="I18" s="27">
        <v>4</v>
      </c>
      <c r="J18" s="17" t="s">
        <v>70</v>
      </c>
    </row>
    <row r="19" spans="1:10" s="14" customFormat="1" ht="46.5" customHeight="1" x14ac:dyDescent="0.2">
      <c r="A19" s="11">
        <v>16</v>
      </c>
      <c r="B19" s="28" t="s">
        <v>11</v>
      </c>
      <c r="C19" s="17" t="s">
        <v>27</v>
      </c>
      <c r="D19" s="19" t="s">
        <v>34</v>
      </c>
      <c r="E19" s="21" t="s">
        <v>43</v>
      </c>
      <c r="F19" s="79">
        <v>45133</v>
      </c>
      <c r="G19" s="23">
        <v>45148</v>
      </c>
      <c r="H19" s="25">
        <v>2</v>
      </c>
      <c r="I19" s="27">
        <v>2</v>
      </c>
      <c r="J19" s="17" t="s">
        <v>63</v>
      </c>
    </row>
    <row r="20" spans="1:10" s="14" customFormat="1" ht="46.5" customHeight="1" x14ac:dyDescent="0.2">
      <c r="A20" s="11">
        <v>17</v>
      </c>
      <c r="B20" s="28" t="s">
        <v>11</v>
      </c>
      <c r="C20" s="17" t="s">
        <v>27</v>
      </c>
      <c r="D20" s="19" t="s">
        <v>34</v>
      </c>
      <c r="E20" s="21" t="s">
        <v>44</v>
      </c>
      <c r="F20" s="79">
        <v>45133</v>
      </c>
      <c r="G20" s="23">
        <v>45148</v>
      </c>
      <c r="H20" s="25">
        <v>2</v>
      </c>
      <c r="I20" s="27">
        <v>2</v>
      </c>
      <c r="J20" s="17" t="s">
        <v>63</v>
      </c>
    </row>
    <row r="21" spans="1:10" s="14" customFormat="1" ht="46.5" customHeight="1" x14ac:dyDescent="0.2">
      <c r="A21" s="11">
        <v>18</v>
      </c>
      <c r="B21" s="28" t="s">
        <v>11</v>
      </c>
      <c r="C21" s="17" t="s">
        <v>27</v>
      </c>
      <c r="D21" s="19" t="s">
        <v>34</v>
      </c>
      <c r="E21" s="21" t="s">
        <v>45</v>
      </c>
      <c r="F21" s="79">
        <v>45133</v>
      </c>
      <c r="G21" s="23">
        <v>45148</v>
      </c>
      <c r="H21" s="25">
        <v>2</v>
      </c>
      <c r="I21" s="27">
        <v>1</v>
      </c>
      <c r="J21" s="17" t="s">
        <v>63</v>
      </c>
    </row>
    <row r="22" spans="1:10" s="14" customFormat="1" ht="46.5" customHeight="1" x14ac:dyDescent="0.2">
      <c r="A22" s="11">
        <v>19</v>
      </c>
      <c r="B22" s="28" t="s">
        <v>11</v>
      </c>
      <c r="C22" s="17" t="s">
        <v>27</v>
      </c>
      <c r="D22" s="19" t="s">
        <v>34</v>
      </c>
      <c r="E22" s="21" t="s">
        <v>38</v>
      </c>
      <c r="F22" s="79">
        <v>45133</v>
      </c>
      <c r="G22" s="23">
        <v>45148</v>
      </c>
      <c r="H22" s="25">
        <v>2</v>
      </c>
      <c r="I22" s="27">
        <v>1</v>
      </c>
      <c r="J22" s="17" t="s">
        <v>63</v>
      </c>
    </row>
    <row r="23" spans="1:10" s="14" customFormat="1" ht="46.5" customHeight="1" x14ac:dyDescent="0.2">
      <c r="A23" s="11">
        <v>20</v>
      </c>
      <c r="B23" s="28" t="s">
        <v>11</v>
      </c>
      <c r="C23" s="17" t="s">
        <v>28</v>
      </c>
      <c r="D23" s="19" t="s">
        <v>35</v>
      </c>
      <c r="E23" s="21" t="s">
        <v>46</v>
      </c>
      <c r="F23" s="79">
        <v>45133</v>
      </c>
      <c r="G23" s="23">
        <v>45141</v>
      </c>
      <c r="H23" s="25">
        <v>7</v>
      </c>
      <c r="I23" s="27">
        <v>2</v>
      </c>
      <c r="J23" s="17" t="s">
        <v>64</v>
      </c>
    </row>
    <row r="24" spans="1:10" s="14" customFormat="1" ht="46.5" customHeight="1" x14ac:dyDescent="0.2">
      <c r="A24" s="11">
        <v>21</v>
      </c>
      <c r="B24" s="28" t="s">
        <v>11</v>
      </c>
      <c r="C24" s="17" t="s">
        <v>28</v>
      </c>
      <c r="D24" s="19" t="s">
        <v>35</v>
      </c>
      <c r="E24" s="21" t="s">
        <v>47</v>
      </c>
      <c r="F24" s="79">
        <v>45133</v>
      </c>
      <c r="G24" s="23">
        <v>45141</v>
      </c>
      <c r="H24" s="25">
        <v>7</v>
      </c>
      <c r="I24" s="27">
        <v>2</v>
      </c>
      <c r="J24" s="17" t="s">
        <v>65</v>
      </c>
    </row>
    <row r="25" spans="1:10" s="14" customFormat="1" ht="46.5" customHeight="1" x14ac:dyDescent="0.2">
      <c r="A25" s="11">
        <v>22</v>
      </c>
      <c r="B25" s="28" t="s">
        <v>11</v>
      </c>
      <c r="C25" s="17" t="s">
        <v>29</v>
      </c>
      <c r="D25" s="19" t="s">
        <v>35</v>
      </c>
      <c r="E25" s="21" t="s">
        <v>48</v>
      </c>
      <c r="F25" s="79">
        <v>45139</v>
      </c>
      <c r="G25" s="23">
        <v>45142</v>
      </c>
      <c r="H25" s="25">
        <v>4</v>
      </c>
      <c r="I25" s="27">
        <v>3</v>
      </c>
      <c r="J25" s="17" t="s">
        <v>66</v>
      </c>
    </row>
    <row r="26" spans="1:10" s="14" customFormat="1" ht="67.8" customHeight="1" x14ac:dyDescent="0.2">
      <c r="A26" s="11">
        <v>23</v>
      </c>
      <c r="B26" s="28" t="s">
        <v>11</v>
      </c>
      <c r="C26" s="18" t="s">
        <v>30</v>
      </c>
      <c r="D26" s="20" t="s">
        <v>35</v>
      </c>
      <c r="E26" s="22" t="s">
        <v>49</v>
      </c>
      <c r="F26" s="80">
        <v>45145</v>
      </c>
      <c r="G26" s="24">
        <v>45148</v>
      </c>
      <c r="H26" s="26">
        <v>4</v>
      </c>
      <c r="I26" s="26">
        <v>3</v>
      </c>
      <c r="J26" s="18" t="s">
        <v>71</v>
      </c>
    </row>
    <row r="27" spans="1:10" s="14" customFormat="1" ht="66.599999999999994" customHeight="1" x14ac:dyDescent="0.2">
      <c r="A27" s="11">
        <v>24</v>
      </c>
      <c r="B27" s="28" t="s">
        <v>11</v>
      </c>
      <c r="C27" s="17" t="s">
        <v>31</v>
      </c>
      <c r="D27" s="19" t="s">
        <v>35</v>
      </c>
      <c r="E27" s="21" t="s">
        <v>50</v>
      </c>
      <c r="F27" s="79">
        <v>45138</v>
      </c>
      <c r="G27" s="23">
        <v>45142</v>
      </c>
      <c r="H27" s="25">
        <v>5</v>
      </c>
      <c r="I27" s="25">
        <v>4</v>
      </c>
      <c r="J27" s="17" t="s">
        <v>72</v>
      </c>
    </row>
    <row r="28" spans="1:10" s="13" customFormat="1" ht="33.75" customHeight="1" x14ac:dyDescent="0.2">
      <c r="A28" s="96" t="s">
        <v>329</v>
      </c>
      <c r="B28" s="97"/>
      <c r="C28" s="97"/>
      <c r="D28" s="97"/>
      <c r="E28" s="97"/>
      <c r="F28" s="97"/>
      <c r="G28" s="97"/>
      <c r="H28" s="97"/>
      <c r="I28" s="97"/>
      <c r="J28" s="98"/>
    </row>
    <row r="29" spans="1:10" s="14" customFormat="1" ht="46.5" customHeight="1" x14ac:dyDescent="0.2">
      <c r="A29" s="11">
        <v>25</v>
      </c>
      <c r="B29" s="28" t="s">
        <v>73</v>
      </c>
      <c r="C29" s="17" t="s">
        <v>75</v>
      </c>
      <c r="D29" s="19" t="s">
        <v>34</v>
      </c>
      <c r="E29" s="21" t="s">
        <v>84</v>
      </c>
      <c r="F29" s="79">
        <v>45140</v>
      </c>
      <c r="G29" s="23">
        <v>45141</v>
      </c>
      <c r="H29" s="25">
        <v>2</v>
      </c>
      <c r="I29" s="27">
        <v>1</v>
      </c>
      <c r="J29" s="17" t="s">
        <v>92</v>
      </c>
    </row>
    <row r="30" spans="1:10" s="14" customFormat="1" ht="46.5" customHeight="1" x14ac:dyDescent="0.2">
      <c r="A30" s="11">
        <v>26</v>
      </c>
      <c r="B30" s="28" t="s">
        <v>73</v>
      </c>
      <c r="C30" s="17" t="s">
        <v>76</v>
      </c>
      <c r="D30" s="19" t="s">
        <v>34</v>
      </c>
      <c r="E30" s="21" t="s">
        <v>84</v>
      </c>
      <c r="F30" s="79">
        <v>45140</v>
      </c>
      <c r="G30" s="23">
        <v>45141</v>
      </c>
      <c r="H30" s="25">
        <v>2</v>
      </c>
      <c r="I30" s="27">
        <v>2</v>
      </c>
      <c r="J30" s="17" t="s">
        <v>88</v>
      </c>
    </row>
    <row r="31" spans="1:10" s="14" customFormat="1" ht="46.5" customHeight="1" x14ac:dyDescent="0.2">
      <c r="A31" s="11">
        <v>27</v>
      </c>
      <c r="B31" s="28" t="s">
        <v>73</v>
      </c>
      <c r="C31" s="17" t="s">
        <v>77</v>
      </c>
      <c r="D31" s="19" t="s">
        <v>34</v>
      </c>
      <c r="E31" s="21" t="s">
        <v>84</v>
      </c>
      <c r="F31" s="79">
        <v>45133</v>
      </c>
      <c r="G31" s="23">
        <v>45134</v>
      </c>
      <c r="H31" s="25">
        <v>2</v>
      </c>
      <c r="I31" s="27">
        <v>2</v>
      </c>
      <c r="J31" s="17" t="s">
        <v>89</v>
      </c>
    </row>
    <row r="32" spans="1:10" s="14" customFormat="1" ht="46.5" customHeight="1" x14ac:dyDescent="0.2">
      <c r="A32" s="11">
        <v>28</v>
      </c>
      <c r="B32" s="28" t="s">
        <v>73</v>
      </c>
      <c r="C32" s="17" t="s">
        <v>78</v>
      </c>
      <c r="D32" s="19" t="s">
        <v>34</v>
      </c>
      <c r="E32" s="21" t="s">
        <v>84</v>
      </c>
      <c r="F32" s="79">
        <v>45139</v>
      </c>
      <c r="G32" s="23">
        <v>45140</v>
      </c>
      <c r="H32" s="25">
        <v>2</v>
      </c>
      <c r="I32" s="27">
        <v>1</v>
      </c>
      <c r="J32" s="17" t="s">
        <v>93</v>
      </c>
    </row>
    <row r="33" spans="1:10" s="14" customFormat="1" ht="46.5" customHeight="1" x14ac:dyDescent="0.2">
      <c r="A33" s="11">
        <v>29</v>
      </c>
      <c r="B33" s="28" t="s">
        <v>73</v>
      </c>
      <c r="C33" s="17" t="s">
        <v>79</v>
      </c>
      <c r="D33" s="19" t="s">
        <v>34</v>
      </c>
      <c r="E33" s="21" t="s">
        <v>84</v>
      </c>
      <c r="F33" s="79">
        <v>45141</v>
      </c>
      <c r="G33" s="23">
        <v>45142</v>
      </c>
      <c r="H33" s="25">
        <v>2</v>
      </c>
      <c r="I33" s="27">
        <v>2</v>
      </c>
      <c r="J33" s="17" t="s">
        <v>90</v>
      </c>
    </row>
    <row r="34" spans="1:10" s="14" customFormat="1" ht="46.5" customHeight="1" x14ac:dyDescent="0.2">
      <c r="A34" s="11">
        <v>30</v>
      </c>
      <c r="B34" s="28" t="s">
        <v>73</v>
      </c>
      <c r="C34" s="17" t="s">
        <v>80</v>
      </c>
      <c r="D34" s="19" t="s">
        <v>32</v>
      </c>
      <c r="E34" s="21" t="s">
        <v>85</v>
      </c>
      <c r="F34" s="79">
        <v>45140</v>
      </c>
      <c r="G34" s="23">
        <v>45141</v>
      </c>
      <c r="H34" s="25">
        <v>2</v>
      </c>
      <c r="I34" s="27">
        <v>3</v>
      </c>
      <c r="J34" s="17" t="s">
        <v>94</v>
      </c>
    </row>
    <row r="35" spans="1:10" s="14" customFormat="1" ht="46.5" customHeight="1" x14ac:dyDescent="0.2">
      <c r="A35" s="11">
        <v>31</v>
      </c>
      <c r="B35" s="28" t="s">
        <v>73</v>
      </c>
      <c r="C35" s="17" t="s">
        <v>81</v>
      </c>
      <c r="D35" s="19" t="s">
        <v>32</v>
      </c>
      <c r="E35" s="21" t="s">
        <v>86</v>
      </c>
      <c r="F35" s="79">
        <v>45140</v>
      </c>
      <c r="G35" s="23">
        <v>45147</v>
      </c>
      <c r="H35" s="25">
        <v>2</v>
      </c>
      <c r="I35" s="27">
        <v>2</v>
      </c>
      <c r="J35" s="17" t="s">
        <v>95</v>
      </c>
    </row>
    <row r="36" spans="1:10" s="14" customFormat="1" ht="46.5" customHeight="1" x14ac:dyDescent="0.2">
      <c r="A36" s="11">
        <v>32</v>
      </c>
      <c r="B36" s="28" t="s">
        <v>73</v>
      </c>
      <c r="C36" s="17" t="s">
        <v>82</v>
      </c>
      <c r="D36" s="19" t="s">
        <v>32</v>
      </c>
      <c r="E36" s="21" t="s">
        <v>87</v>
      </c>
      <c r="F36" s="79">
        <v>45133</v>
      </c>
      <c r="G36" s="23">
        <v>45134</v>
      </c>
      <c r="H36" s="25">
        <v>2</v>
      </c>
      <c r="I36" s="27">
        <v>2</v>
      </c>
      <c r="J36" s="17" t="s">
        <v>91</v>
      </c>
    </row>
    <row r="37" spans="1:10" s="14" customFormat="1" ht="46.5" customHeight="1" x14ac:dyDescent="0.2">
      <c r="A37" s="11">
        <v>33</v>
      </c>
      <c r="B37" s="28" t="s">
        <v>74</v>
      </c>
      <c r="C37" s="17" t="s">
        <v>83</v>
      </c>
      <c r="D37" s="19" t="s">
        <v>34</v>
      </c>
      <c r="E37" s="21" t="s">
        <v>84</v>
      </c>
      <c r="F37" s="79">
        <v>45138</v>
      </c>
      <c r="G37" s="23">
        <v>45140</v>
      </c>
      <c r="H37" s="25">
        <v>3</v>
      </c>
      <c r="I37" s="27">
        <v>1</v>
      </c>
      <c r="J37" s="17" t="s">
        <v>342</v>
      </c>
    </row>
    <row r="38" spans="1:10" s="14" customFormat="1" ht="46.5" customHeight="1" x14ac:dyDescent="0.2">
      <c r="A38" s="11">
        <v>34</v>
      </c>
      <c r="B38" s="28" t="s">
        <v>74</v>
      </c>
      <c r="C38" s="17" t="s">
        <v>344</v>
      </c>
      <c r="D38" s="19" t="s">
        <v>34</v>
      </c>
      <c r="E38" s="21" t="s">
        <v>84</v>
      </c>
      <c r="F38" s="79">
        <v>45141</v>
      </c>
      <c r="G38" s="23">
        <v>45145</v>
      </c>
      <c r="H38" s="25">
        <v>3</v>
      </c>
      <c r="I38" s="27">
        <v>1</v>
      </c>
      <c r="J38" s="17" t="s">
        <v>343</v>
      </c>
    </row>
    <row r="39" spans="1:10" s="13" customFormat="1" ht="33.75" customHeight="1" x14ac:dyDescent="0.2">
      <c r="A39" s="96" t="s">
        <v>330</v>
      </c>
      <c r="B39" s="97"/>
      <c r="C39" s="97"/>
      <c r="D39" s="97"/>
      <c r="E39" s="97"/>
      <c r="F39" s="97"/>
      <c r="G39" s="97"/>
      <c r="H39" s="97"/>
      <c r="I39" s="97"/>
      <c r="J39" s="98"/>
    </row>
    <row r="40" spans="1:10" s="14" customFormat="1" ht="46.5" customHeight="1" x14ac:dyDescent="0.2">
      <c r="A40" s="11">
        <v>35</v>
      </c>
      <c r="B40" s="28" t="s">
        <v>96</v>
      </c>
      <c r="C40" s="17" t="s">
        <v>102</v>
      </c>
      <c r="D40" s="19" t="s">
        <v>34</v>
      </c>
      <c r="E40" s="21" t="s">
        <v>84</v>
      </c>
      <c r="F40" s="79">
        <v>45140</v>
      </c>
      <c r="G40" s="23">
        <v>45141</v>
      </c>
      <c r="H40" s="25">
        <v>2</v>
      </c>
      <c r="I40" s="27">
        <v>1</v>
      </c>
      <c r="J40" s="17" t="s">
        <v>141</v>
      </c>
    </row>
    <row r="41" spans="1:10" s="14" customFormat="1" ht="46.5" customHeight="1" x14ac:dyDescent="0.2">
      <c r="A41" s="11">
        <v>36</v>
      </c>
      <c r="B41" s="28" t="s">
        <v>97</v>
      </c>
      <c r="C41" s="17" t="s">
        <v>103</v>
      </c>
      <c r="D41" s="19" t="s">
        <v>32</v>
      </c>
      <c r="E41" s="21" t="s">
        <v>129</v>
      </c>
      <c r="F41" s="79">
        <v>45139</v>
      </c>
      <c r="G41" s="23">
        <v>45142</v>
      </c>
      <c r="H41" s="25">
        <v>4</v>
      </c>
      <c r="I41" s="27">
        <v>2</v>
      </c>
      <c r="J41" s="17" t="s">
        <v>142</v>
      </c>
    </row>
    <row r="42" spans="1:10" s="14" customFormat="1" ht="46.5" customHeight="1" x14ac:dyDescent="0.2">
      <c r="A42" s="11">
        <v>37</v>
      </c>
      <c r="B42" s="28" t="s">
        <v>97</v>
      </c>
      <c r="C42" s="17" t="s">
        <v>104</v>
      </c>
      <c r="D42" s="19" t="s">
        <v>33</v>
      </c>
      <c r="E42" s="19" t="s">
        <v>84</v>
      </c>
      <c r="F42" s="79">
        <v>45133</v>
      </c>
      <c r="G42" s="23">
        <v>45148</v>
      </c>
      <c r="H42" s="25">
        <v>2</v>
      </c>
      <c r="I42" s="27">
        <v>1</v>
      </c>
      <c r="J42" s="17" t="s">
        <v>143</v>
      </c>
    </row>
    <row r="43" spans="1:10" s="14" customFormat="1" ht="46.5" customHeight="1" x14ac:dyDescent="0.2">
      <c r="A43" s="11">
        <v>38</v>
      </c>
      <c r="B43" s="28" t="s">
        <v>97</v>
      </c>
      <c r="C43" s="17" t="s">
        <v>105</v>
      </c>
      <c r="D43" s="19" t="s">
        <v>34</v>
      </c>
      <c r="E43" s="19" t="s">
        <v>84</v>
      </c>
      <c r="F43" s="79">
        <v>45133</v>
      </c>
      <c r="G43" s="23">
        <v>45148</v>
      </c>
      <c r="H43" s="25">
        <v>2</v>
      </c>
      <c r="I43" s="27">
        <v>1</v>
      </c>
      <c r="J43" s="17" t="s">
        <v>144</v>
      </c>
    </row>
    <row r="44" spans="1:10" s="14" customFormat="1" ht="46.5" customHeight="1" x14ac:dyDescent="0.2">
      <c r="A44" s="11">
        <v>39</v>
      </c>
      <c r="B44" s="28" t="s">
        <v>98</v>
      </c>
      <c r="C44" s="17" t="s">
        <v>106</v>
      </c>
      <c r="D44" s="19" t="s">
        <v>32</v>
      </c>
      <c r="E44" s="19" t="s">
        <v>130</v>
      </c>
      <c r="F44" s="79">
        <v>44774</v>
      </c>
      <c r="G44" s="23">
        <v>45142</v>
      </c>
      <c r="H44" s="25">
        <v>4</v>
      </c>
      <c r="I44" s="27">
        <v>2</v>
      </c>
      <c r="J44" s="17" t="s">
        <v>145</v>
      </c>
    </row>
    <row r="45" spans="1:10" s="14" customFormat="1" ht="46.5" customHeight="1" x14ac:dyDescent="0.2">
      <c r="A45" s="11">
        <v>40</v>
      </c>
      <c r="B45" s="28" t="s">
        <v>99</v>
      </c>
      <c r="C45" s="17" t="s">
        <v>107</v>
      </c>
      <c r="D45" s="19" t="s">
        <v>32</v>
      </c>
      <c r="E45" s="21" t="s">
        <v>131</v>
      </c>
      <c r="F45" s="79">
        <v>44774</v>
      </c>
      <c r="G45" s="23">
        <v>45142</v>
      </c>
      <c r="H45" s="25">
        <v>4</v>
      </c>
      <c r="I45" s="27">
        <v>2</v>
      </c>
      <c r="J45" s="17" t="s">
        <v>146</v>
      </c>
    </row>
    <row r="46" spans="1:10" s="14" customFormat="1" ht="46.5" customHeight="1" x14ac:dyDescent="0.2">
      <c r="A46" s="11">
        <v>41</v>
      </c>
      <c r="B46" s="28" t="s">
        <v>99</v>
      </c>
      <c r="C46" s="17" t="s">
        <v>107</v>
      </c>
      <c r="D46" s="19" t="s">
        <v>32</v>
      </c>
      <c r="E46" s="19" t="s">
        <v>132</v>
      </c>
      <c r="F46" s="79">
        <v>44774</v>
      </c>
      <c r="G46" s="23">
        <v>45142</v>
      </c>
      <c r="H46" s="25">
        <v>4</v>
      </c>
      <c r="I46" s="27">
        <v>3</v>
      </c>
      <c r="J46" s="17" t="s">
        <v>146</v>
      </c>
    </row>
    <row r="47" spans="1:10" s="14" customFormat="1" ht="46.5" customHeight="1" x14ac:dyDescent="0.2">
      <c r="A47" s="11">
        <v>42</v>
      </c>
      <c r="B47" s="28" t="s">
        <v>98</v>
      </c>
      <c r="C47" s="17" t="s">
        <v>108</v>
      </c>
      <c r="D47" s="19" t="s">
        <v>32</v>
      </c>
      <c r="E47" s="19" t="s">
        <v>130</v>
      </c>
      <c r="F47" s="79">
        <v>45133</v>
      </c>
      <c r="G47" s="23">
        <v>45135</v>
      </c>
      <c r="H47" s="25">
        <v>3</v>
      </c>
      <c r="I47" s="27">
        <v>2</v>
      </c>
      <c r="J47" s="17" t="s">
        <v>147</v>
      </c>
    </row>
    <row r="48" spans="1:10" s="14" customFormat="1" ht="46.5" customHeight="1" x14ac:dyDescent="0.2">
      <c r="A48" s="11">
        <v>43</v>
      </c>
      <c r="B48" s="28" t="s">
        <v>98</v>
      </c>
      <c r="C48" s="17" t="s">
        <v>109</v>
      </c>
      <c r="D48" s="19" t="s">
        <v>32</v>
      </c>
      <c r="E48" s="21" t="s">
        <v>130</v>
      </c>
      <c r="F48" s="79">
        <v>45133</v>
      </c>
      <c r="G48" s="23">
        <v>45135</v>
      </c>
      <c r="H48" s="25">
        <v>3</v>
      </c>
      <c r="I48" s="27">
        <v>3</v>
      </c>
      <c r="J48" s="17" t="s">
        <v>147</v>
      </c>
    </row>
    <row r="49" spans="1:10" s="14" customFormat="1" ht="46.5" customHeight="1" x14ac:dyDescent="0.2">
      <c r="A49" s="11">
        <v>44</v>
      </c>
      <c r="B49" s="28" t="s">
        <v>97</v>
      </c>
      <c r="C49" s="17" t="s">
        <v>110</v>
      </c>
      <c r="D49" s="19" t="s">
        <v>32</v>
      </c>
      <c r="E49" s="21" t="s">
        <v>130</v>
      </c>
      <c r="F49" s="79">
        <v>45139</v>
      </c>
      <c r="G49" s="23">
        <v>45142</v>
      </c>
      <c r="H49" s="25">
        <v>4</v>
      </c>
      <c r="I49" s="27">
        <v>1</v>
      </c>
      <c r="J49" s="17" t="s">
        <v>338</v>
      </c>
    </row>
    <row r="50" spans="1:10" s="14" customFormat="1" ht="46.5" customHeight="1" x14ac:dyDescent="0.2">
      <c r="A50" s="11">
        <v>45</v>
      </c>
      <c r="B50" s="28" t="s">
        <v>97</v>
      </c>
      <c r="C50" s="17" t="s">
        <v>111</v>
      </c>
      <c r="D50" s="19" t="s">
        <v>32</v>
      </c>
      <c r="E50" s="19" t="s">
        <v>130</v>
      </c>
      <c r="F50" s="79">
        <v>45139</v>
      </c>
      <c r="G50" s="23">
        <v>45142</v>
      </c>
      <c r="H50" s="25">
        <v>4</v>
      </c>
      <c r="I50" s="27">
        <v>2</v>
      </c>
      <c r="J50" s="17" t="s">
        <v>334</v>
      </c>
    </row>
    <row r="51" spans="1:10" s="14" customFormat="1" ht="46.5" customHeight="1" x14ac:dyDescent="0.2">
      <c r="A51" s="11">
        <v>46</v>
      </c>
      <c r="B51" s="28" t="s">
        <v>97</v>
      </c>
      <c r="C51" s="17" t="s">
        <v>112</v>
      </c>
      <c r="D51" s="19" t="s">
        <v>32</v>
      </c>
      <c r="E51" s="21" t="s">
        <v>130</v>
      </c>
      <c r="F51" s="79">
        <v>45139</v>
      </c>
      <c r="G51" s="23">
        <v>45142</v>
      </c>
      <c r="H51" s="25">
        <v>4</v>
      </c>
      <c r="I51" s="27">
        <v>1</v>
      </c>
      <c r="J51" s="17" t="s">
        <v>335</v>
      </c>
    </row>
    <row r="52" spans="1:10" s="14" customFormat="1" ht="46.5" customHeight="1" x14ac:dyDescent="0.2">
      <c r="A52" s="11">
        <v>47</v>
      </c>
      <c r="B52" s="28" t="s">
        <v>97</v>
      </c>
      <c r="C52" s="17" t="s">
        <v>113</v>
      </c>
      <c r="D52" s="19" t="s">
        <v>32</v>
      </c>
      <c r="E52" s="21" t="s">
        <v>133</v>
      </c>
      <c r="F52" s="79">
        <v>45138</v>
      </c>
      <c r="G52" s="23">
        <v>45142</v>
      </c>
      <c r="H52" s="25">
        <v>5</v>
      </c>
      <c r="I52" s="27">
        <v>1</v>
      </c>
      <c r="J52" s="17" t="s">
        <v>148</v>
      </c>
    </row>
    <row r="53" spans="1:10" s="14" customFormat="1" ht="46.5" customHeight="1" x14ac:dyDescent="0.2">
      <c r="A53" s="11">
        <v>48</v>
      </c>
      <c r="B53" s="28" t="s">
        <v>97</v>
      </c>
      <c r="C53" s="17" t="s">
        <v>114</v>
      </c>
      <c r="D53" s="19" t="s">
        <v>32</v>
      </c>
      <c r="E53" s="21" t="s">
        <v>130</v>
      </c>
      <c r="F53" s="79">
        <v>45138</v>
      </c>
      <c r="G53" s="23">
        <v>45142</v>
      </c>
      <c r="H53" s="25">
        <v>3</v>
      </c>
      <c r="I53" s="27">
        <v>1</v>
      </c>
      <c r="J53" s="17" t="s">
        <v>149</v>
      </c>
    </row>
    <row r="54" spans="1:10" s="14" customFormat="1" ht="66" customHeight="1" x14ac:dyDescent="0.2">
      <c r="A54" s="11">
        <v>49</v>
      </c>
      <c r="B54" s="28" t="s">
        <v>98</v>
      </c>
      <c r="C54" s="17" t="s">
        <v>115</v>
      </c>
      <c r="D54" s="19" t="s">
        <v>32</v>
      </c>
      <c r="E54" s="21" t="s">
        <v>130</v>
      </c>
      <c r="F54" s="79">
        <v>45133</v>
      </c>
      <c r="G54" s="23">
        <v>45135</v>
      </c>
      <c r="H54" s="25">
        <v>3</v>
      </c>
      <c r="I54" s="27">
        <v>2</v>
      </c>
      <c r="J54" s="17" t="s">
        <v>157</v>
      </c>
    </row>
    <row r="55" spans="1:10" s="14" customFormat="1" ht="46.5" customHeight="1" x14ac:dyDescent="0.2">
      <c r="A55" s="11">
        <v>50</v>
      </c>
      <c r="B55" s="28" t="s">
        <v>100</v>
      </c>
      <c r="C55" s="17" t="s">
        <v>116</v>
      </c>
      <c r="D55" s="19" t="s">
        <v>33</v>
      </c>
      <c r="E55" s="21" t="s">
        <v>134</v>
      </c>
      <c r="F55" s="79">
        <v>45141</v>
      </c>
      <c r="G55" s="23">
        <v>45148</v>
      </c>
      <c r="H55" s="25">
        <v>4</v>
      </c>
      <c r="I55" s="27">
        <v>10</v>
      </c>
      <c r="J55" s="17" t="s">
        <v>150</v>
      </c>
    </row>
    <row r="56" spans="1:10" s="14" customFormat="1" ht="84" customHeight="1" x14ac:dyDescent="0.2">
      <c r="A56" s="11">
        <v>51</v>
      </c>
      <c r="B56" s="28" t="s">
        <v>101</v>
      </c>
      <c r="C56" s="17" t="s">
        <v>117</v>
      </c>
      <c r="D56" s="19" t="s">
        <v>32</v>
      </c>
      <c r="E56" s="21" t="s">
        <v>135</v>
      </c>
      <c r="F56" s="79">
        <v>45141</v>
      </c>
      <c r="G56" s="23">
        <v>45148</v>
      </c>
      <c r="H56" s="25">
        <v>6</v>
      </c>
      <c r="I56" s="25">
        <v>4</v>
      </c>
      <c r="J56" s="17" t="s">
        <v>151</v>
      </c>
    </row>
    <row r="57" spans="1:10" s="14" customFormat="1" ht="46.5" customHeight="1" x14ac:dyDescent="0.2">
      <c r="A57" s="11">
        <v>52</v>
      </c>
      <c r="B57" s="28" t="s">
        <v>101</v>
      </c>
      <c r="C57" s="17" t="s">
        <v>118</v>
      </c>
      <c r="D57" s="19" t="s">
        <v>32</v>
      </c>
      <c r="E57" s="21" t="s">
        <v>136</v>
      </c>
      <c r="F57" s="79">
        <v>45141</v>
      </c>
      <c r="G57" s="23">
        <v>45148</v>
      </c>
      <c r="H57" s="25">
        <v>6</v>
      </c>
      <c r="I57" s="25">
        <v>3</v>
      </c>
      <c r="J57" s="17" t="s">
        <v>152</v>
      </c>
    </row>
    <row r="58" spans="1:10" s="14" customFormat="1" ht="54" customHeight="1" x14ac:dyDescent="0.2">
      <c r="A58" s="11">
        <v>53</v>
      </c>
      <c r="B58" s="28" t="s">
        <v>101</v>
      </c>
      <c r="C58" s="17" t="s">
        <v>119</v>
      </c>
      <c r="D58" s="19" t="s">
        <v>32</v>
      </c>
      <c r="E58" s="21" t="s">
        <v>137</v>
      </c>
      <c r="F58" s="79">
        <v>45141</v>
      </c>
      <c r="G58" s="23">
        <v>45148</v>
      </c>
      <c r="H58" s="29">
        <v>5</v>
      </c>
      <c r="I58" s="29">
        <v>3</v>
      </c>
      <c r="J58" s="17" t="s">
        <v>153</v>
      </c>
    </row>
    <row r="59" spans="1:10" s="14" customFormat="1" ht="46.5" customHeight="1" x14ac:dyDescent="0.2">
      <c r="A59" s="11">
        <v>54</v>
      </c>
      <c r="B59" s="28" t="s">
        <v>101</v>
      </c>
      <c r="C59" s="17" t="s">
        <v>120</v>
      </c>
      <c r="D59" s="19" t="s">
        <v>32</v>
      </c>
      <c r="E59" s="21" t="s">
        <v>138</v>
      </c>
      <c r="F59" s="79">
        <v>45141</v>
      </c>
      <c r="G59" s="23">
        <v>45148</v>
      </c>
      <c r="H59" s="25">
        <v>6</v>
      </c>
      <c r="I59" s="25">
        <v>3</v>
      </c>
      <c r="J59" s="17" t="s">
        <v>154</v>
      </c>
    </row>
    <row r="60" spans="1:10" s="14" customFormat="1" ht="46.5" customHeight="1" x14ac:dyDescent="0.2">
      <c r="A60" s="11">
        <v>55</v>
      </c>
      <c r="B60" s="28" t="s">
        <v>100</v>
      </c>
      <c r="C60" s="17" t="s">
        <v>121</v>
      </c>
      <c r="D60" s="19" t="s">
        <v>32</v>
      </c>
      <c r="E60" s="21" t="s">
        <v>129</v>
      </c>
      <c r="F60" s="79">
        <v>45141</v>
      </c>
      <c r="G60" s="23">
        <v>45146</v>
      </c>
      <c r="H60" s="25">
        <v>4</v>
      </c>
      <c r="I60" s="27">
        <v>3</v>
      </c>
      <c r="J60" s="17" t="s">
        <v>156</v>
      </c>
    </row>
    <row r="61" spans="1:10" s="14" customFormat="1" ht="46.5" customHeight="1" x14ac:dyDescent="0.2">
      <c r="A61" s="11">
        <v>56</v>
      </c>
      <c r="B61" s="28" t="s">
        <v>100</v>
      </c>
      <c r="C61" s="17" t="s">
        <v>122</v>
      </c>
      <c r="D61" s="19" t="s">
        <v>32</v>
      </c>
      <c r="E61" s="19" t="s">
        <v>133</v>
      </c>
      <c r="F61" s="79">
        <v>45141</v>
      </c>
      <c r="G61" s="23">
        <v>45146</v>
      </c>
      <c r="H61" s="25">
        <v>4</v>
      </c>
      <c r="I61" s="27">
        <v>2</v>
      </c>
      <c r="J61" s="17" t="s">
        <v>155</v>
      </c>
    </row>
    <row r="62" spans="1:10" s="14" customFormat="1" ht="46.5" customHeight="1" x14ac:dyDescent="0.2">
      <c r="A62" s="11">
        <v>57</v>
      </c>
      <c r="B62" s="28" t="s">
        <v>100</v>
      </c>
      <c r="C62" s="17" t="s">
        <v>123</v>
      </c>
      <c r="D62" s="19" t="s">
        <v>32</v>
      </c>
      <c r="E62" s="21" t="s">
        <v>139</v>
      </c>
      <c r="F62" s="79">
        <v>45141</v>
      </c>
      <c r="G62" s="23">
        <v>45146</v>
      </c>
      <c r="H62" s="25">
        <v>4</v>
      </c>
      <c r="I62" s="27">
        <v>4</v>
      </c>
      <c r="J62" s="17" t="s">
        <v>158</v>
      </c>
    </row>
    <row r="63" spans="1:10" s="14" customFormat="1" ht="46.5" customHeight="1" x14ac:dyDescent="0.2">
      <c r="A63" s="11">
        <v>58</v>
      </c>
      <c r="B63" s="28" t="s">
        <v>100</v>
      </c>
      <c r="C63" s="17" t="s">
        <v>124</v>
      </c>
      <c r="D63" s="19" t="s">
        <v>32</v>
      </c>
      <c r="E63" s="21" t="s">
        <v>140</v>
      </c>
      <c r="F63" s="79">
        <v>45141</v>
      </c>
      <c r="G63" s="23">
        <v>45146</v>
      </c>
      <c r="H63" s="25">
        <v>4</v>
      </c>
      <c r="I63" s="27">
        <v>4</v>
      </c>
      <c r="J63" s="17" t="s">
        <v>159</v>
      </c>
    </row>
    <row r="64" spans="1:10" s="14" customFormat="1" ht="46.5" customHeight="1" x14ac:dyDescent="0.2">
      <c r="A64" s="11">
        <v>59</v>
      </c>
      <c r="B64" s="28" t="s">
        <v>100</v>
      </c>
      <c r="C64" s="17" t="s">
        <v>125</v>
      </c>
      <c r="D64" s="19" t="s">
        <v>32</v>
      </c>
      <c r="E64" s="21" t="s">
        <v>129</v>
      </c>
      <c r="F64" s="79">
        <v>45141</v>
      </c>
      <c r="G64" s="23">
        <v>45146</v>
      </c>
      <c r="H64" s="25">
        <v>4</v>
      </c>
      <c r="I64" s="25">
        <v>2</v>
      </c>
      <c r="J64" s="17" t="s">
        <v>160</v>
      </c>
    </row>
    <row r="65" spans="1:10" s="14" customFormat="1" ht="46.5" customHeight="1" x14ac:dyDescent="0.2">
      <c r="A65" s="11">
        <v>60</v>
      </c>
      <c r="B65" s="28" t="s">
        <v>100</v>
      </c>
      <c r="C65" s="17" t="s">
        <v>126</v>
      </c>
      <c r="D65" s="19" t="s">
        <v>32</v>
      </c>
      <c r="E65" s="21" t="s">
        <v>129</v>
      </c>
      <c r="F65" s="79">
        <v>45141</v>
      </c>
      <c r="G65" s="23">
        <v>45146</v>
      </c>
      <c r="H65" s="25">
        <v>4</v>
      </c>
      <c r="I65" s="25">
        <v>3</v>
      </c>
      <c r="J65" s="17" t="s">
        <v>161</v>
      </c>
    </row>
    <row r="66" spans="1:10" s="14" customFormat="1" ht="46.5" customHeight="1" x14ac:dyDescent="0.2">
      <c r="A66" s="11">
        <v>61</v>
      </c>
      <c r="B66" s="28" t="s">
        <v>100</v>
      </c>
      <c r="C66" s="17" t="s">
        <v>127</v>
      </c>
      <c r="D66" s="19" t="s">
        <v>32</v>
      </c>
      <c r="E66" s="21" t="s">
        <v>129</v>
      </c>
      <c r="F66" s="79">
        <v>45141</v>
      </c>
      <c r="G66" s="23">
        <v>45146</v>
      </c>
      <c r="H66" s="25">
        <v>4</v>
      </c>
      <c r="I66" s="25">
        <v>2</v>
      </c>
      <c r="J66" s="17" t="s">
        <v>162</v>
      </c>
    </row>
    <row r="67" spans="1:10" s="14" customFormat="1" ht="46.5" customHeight="1" x14ac:dyDescent="0.2">
      <c r="A67" s="11">
        <v>62</v>
      </c>
      <c r="B67" s="28" t="s">
        <v>100</v>
      </c>
      <c r="C67" s="17" t="s">
        <v>128</v>
      </c>
      <c r="D67" s="19" t="s">
        <v>32</v>
      </c>
      <c r="E67" s="21" t="s">
        <v>139</v>
      </c>
      <c r="F67" s="79">
        <v>45141</v>
      </c>
      <c r="G67" s="23">
        <v>45146</v>
      </c>
      <c r="H67" s="25">
        <v>4</v>
      </c>
      <c r="I67" s="25">
        <v>6</v>
      </c>
      <c r="J67" s="17" t="s">
        <v>163</v>
      </c>
    </row>
    <row r="68" spans="1:10" s="13" customFormat="1" ht="33.75" customHeight="1" x14ac:dyDescent="0.2">
      <c r="A68" s="96" t="s">
        <v>347</v>
      </c>
      <c r="B68" s="97"/>
      <c r="C68" s="97"/>
      <c r="D68" s="97"/>
      <c r="E68" s="97"/>
      <c r="F68" s="97"/>
      <c r="G68" s="97"/>
      <c r="H68" s="97"/>
      <c r="I68" s="97"/>
      <c r="J68" s="98"/>
    </row>
    <row r="69" spans="1:10" s="14" customFormat="1" ht="46.5" customHeight="1" x14ac:dyDescent="0.2">
      <c r="A69" s="11">
        <v>63</v>
      </c>
      <c r="B69" s="28" t="s">
        <v>164</v>
      </c>
      <c r="C69" s="17" t="s">
        <v>168</v>
      </c>
      <c r="D69" s="19" t="s">
        <v>33</v>
      </c>
      <c r="E69" s="28" t="s">
        <v>84</v>
      </c>
      <c r="F69" s="79">
        <v>45133</v>
      </c>
      <c r="G69" s="23">
        <v>45148</v>
      </c>
      <c r="H69" s="35">
        <v>3</v>
      </c>
      <c r="I69" s="27">
        <v>1</v>
      </c>
      <c r="J69" s="17" t="s">
        <v>194</v>
      </c>
    </row>
    <row r="70" spans="1:10" s="14" customFormat="1" ht="46.5" customHeight="1" x14ac:dyDescent="0.2">
      <c r="A70" s="11">
        <v>64</v>
      </c>
      <c r="B70" s="28" t="s">
        <v>164</v>
      </c>
      <c r="C70" s="17" t="s">
        <v>169</v>
      </c>
      <c r="D70" s="19" t="s">
        <v>34</v>
      </c>
      <c r="E70" s="21" t="s">
        <v>84</v>
      </c>
      <c r="F70" s="79">
        <v>45135</v>
      </c>
      <c r="G70" s="23">
        <v>45136</v>
      </c>
      <c r="H70" s="25">
        <v>2</v>
      </c>
      <c r="I70" s="27">
        <v>1</v>
      </c>
      <c r="J70" s="17" t="s">
        <v>195</v>
      </c>
    </row>
    <row r="71" spans="1:10" s="14" customFormat="1" ht="46.5" customHeight="1" x14ac:dyDescent="0.2">
      <c r="A71" s="11">
        <v>65</v>
      </c>
      <c r="B71" s="28" t="s">
        <v>164</v>
      </c>
      <c r="C71" s="17" t="s">
        <v>170</v>
      </c>
      <c r="D71" s="19" t="s">
        <v>34</v>
      </c>
      <c r="E71" s="21" t="s">
        <v>84</v>
      </c>
      <c r="F71" s="79">
        <v>45140</v>
      </c>
      <c r="G71" s="23">
        <v>45141</v>
      </c>
      <c r="H71" s="25">
        <v>2</v>
      </c>
      <c r="I71" s="27">
        <v>1</v>
      </c>
      <c r="J71" s="17" t="s">
        <v>185</v>
      </c>
    </row>
    <row r="72" spans="1:10" s="14" customFormat="1" ht="46.5" customHeight="1" x14ac:dyDescent="0.2">
      <c r="A72" s="11">
        <v>66</v>
      </c>
      <c r="B72" s="28" t="s">
        <v>164</v>
      </c>
      <c r="C72" s="17" t="s">
        <v>171</v>
      </c>
      <c r="D72" s="19" t="s">
        <v>33</v>
      </c>
      <c r="E72" s="21" t="s">
        <v>84</v>
      </c>
      <c r="F72" s="79">
        <v>45134</v>
      </c>
      <c r="G72" s="23">
        <v>45141</v>
      </c>
      <c r="H72" s="25">
        <v>2</v>
      </c>
      <c r="I72" s="27">
        <v>2</v>
      </c>
      <c r="J72" s="17" t="s">
        <v>186</v>
      </c>
    </row>
    <row r="73" spans="1:10" s="14" customFormat="1" ht="46.5" customHeight="1" x14ac:dyDescent="0.2">
      <c r="A73" s="11">
        <v>67</v>
      </c>
      <c r="B73" s="28" t="s">
        <v>164</v>
      </c>
      <c r="C73" s="17" t="s">
        <v>172</v>
      </c>
      <c r="D73" s="19" t="s">
        <v>33</v>
      </c>
      <c r="E73" s="21" t="s">
        <v>84</v>
      </c>
      <c r="F73" s="79">
        <v>45133</v>
      </c>
      <c r="G73" s="23">
        <v>45134</v>
      </c>
      <c r="H73" s="25">
        <v>2</v>
      </c>
      <c r="I73" s="27">
        <v>1</v>
      </c>
      <c r="J73" s="17" t="s">
        <v>187</v>
      </c>
    </row>
    <row r="74" spans="1:10" s="14" customFormat="1" ht="46.5" customHeight="1" x14ac:dyDescent="0.2">
      <c r="A74" s="11">
        <v>68</v>
      </c>
      <c r="B74" s="28" t="s">
        <v>164</v>
      </c>
      <c r="C74" s="17" t="s">
        <v>173</v>
      </c>
      <c r="D74" s="19" t="s">
        <v>34</v>
      </c>
      <c r="E74" s="21" t="s">
        <v>84</v>
      </c>
      <c r="F74" s="79">
        <v>45135</v>
      </c>
      <c r="G74" s="23">
        <v>45138</v>
      </c>
      <c r="H74" s="25">
        <v>3</v>
      </c>
      <c r="I74" s="27">
        <v>1</v>
      </c>
      <c r="J74" s="17" t="s">
        <v>188</v>
      </c>
    </row>
    <row r="75" spans="1:10" s="14" customFormat="1" ht="46.5" customHeight="1" x14ac:dyDescent="0.2">
      <c r="A75" s="11">
        <v>69</v>
      </c>
      <c r="B75" s="28" t="s">
        <v>164</v>
      </c>
      <c r="C75" s="17" t="s">
        <v>174</v>
      </c>
      <c r="D75" s="19" t="s">
        <v>34</v>
      </c>
      <c r="E75" s="21" t="s">
        <v>84</v>
      </c>
      <c r="F75" s="79">
        <v>45133</v>
      </c>
      <c r="G75" s="23">
        <v>45134</v>
      </c>
      <c r="H75" s="25">
        <v>2</v>
      </c>
      <c r="I75" s="27">
        <v>1</v>
      </c>
      <c r="J75" s="17" t="s">
        <v>189</v>
      </c>
    </row>
    <row r="76" spans="1:10" s="14" customFormat="1" ht="46.5" customHeight="1" x14ac:dyDescent="0.2">
      <c r="A76" s="11">
        <v>70</v>
      </c>
      <c r="B76" s="28" t="s">
        <v>164</v>
      </c>
      <c r="C76" s="17" t="s">
        <v>345</v>
      </c>
      <c r="D76" s="19" t="s">
        <v>33</v>
      </c>
      <c r="E76" s="21" t="s">
        <v>84</v>
      </c>
      <c r="F76" s="79">
        <v>45133</v>
      </c>
      <c r="G76" s="33">
        <v>45148</v>
      </c>
      <c r="H76" s="25">
        <v>2</v>
      </c>
      <c r="I76" s="27">
        <v>1</v>
      </c>
      <c r="J76" s="17" t="s">
        <v>346</v>
      </c>
    </row>
    <row r="77" spans="1:10" s="14" customFormat="1" ht="46.5" customHeight="1" x14ac:dyDescent="0.2">
      <c r="A77" s="11">
        <v>71</v>
      </c>
      <c r="B77" s="28" t="s">
        <v>164</v>
      </c>
      <c r="C77" s="17" t="s">
        <v>175</v>
      </c>
      <c r="D77" s="19" t="s">
        <v>34</v>
      </c>
      <c r="E77" s="21" t="s">
        <v>134</v>
      </c>
      <c r="F77" s="79">
        <v>45138</v>
      </c>
      <c r="G77" s="23">
        <v>45139</v>
      </c>
      <c r="H77" s="25">
        <v>2</v>
      </c>
      <c r="I77" s="27">
        <v>2</v>
      </c>
      <c r="J77" s="17" t="s">
        <v>190</v>
      </c>
    </row>
    <row r="78" spans="1:10" s="14" customFormat="1" ht="46.5" customHeight="1" x14ac:dyDescent="0.2">
      <c r="A78" s="11">
        <v>72</v>
      </c>
      <c r="B78" s="28" t="s">
        <v>164</v>
      </c>
      <c r="C78" s="17" t="s">
        <v>176</v>
      </c>
      <c r="D78" s="19" t="s">
        <v>34</v>
      </c>
      <c r="E78" s="21" t="s">
        <v>84</v>
      </c>
      <c r="F78" s="79">
        <v>45133</v>
      </c>
      <c r="G78" s="33">
        <v>45148</v>
      </c>
      <c r="H78" s="29">
        <v>2</v>
      </c>
      <c r="I78" s="25">
        <v>2</v>
      </c>
      <c r="J78" s="17" t="s">
        <v>196</v>
      </c>
    </row>
    <row r="79" spans="1:10" s="14" customFormat="1" ht="46.5" customHeight="1" x14ac:dyDescent="0.2">
      <c r="A79" s="11">
        <v>73</v>
      </c>
      <c r="B79" s="28" t="s">
        <v>164</v>
      </c>
      <c r="C79" s="17" t="s">
        <v>177</v>
      </c>
      <c r="D79" s="19" t="s">
        <v>32</v>
      </c>
      <c r="E79" s="21" t="s">
        <v>183</v>
      </c>
      <c r="F79" s="79">
        <v>45139</v>
      </c>
      <c r="G79" s="23">
        <v>45140</v>
      </c>
      <c r="H79" s="25">
        <v>2</v>
      </c>
      <c r="I79" s="27">
        <v>2</v>
      </c>
      <c r="J79" s="17" t="s">
        <v>197</v>
      </c>
    </row>
    <row r="80" spans="1:10" s="14" customFormat="1" ht="46.5" customHeight="1" x14ac:dyDescent="0.2">
      <c r="A80" s="11">
        <v>74</v>
      </c>
      <c r="B80" s="30" t="s">
        <v>165</v>
      </c>
      <c r="C80" s="31" t="s">
        <v>178</v>
      </c>
      <c r="D80" s="32" t="s">
        <v>34</v>
      </c>
      <c r="E80" s="32" t="s">
        <v>134</v>
      </c>
      <c r="F80" s="81">
        <v>45133</v>
      </c>
      <c r="G80" s="34">
        <v>45148</v>
      </c>
      <c r="H80" s="36">
        <v>2</v>
      </c>
      <c r="I80" s="37">
        <v>2</v>
      </c>
      <c r="J80" s="31" t="s">
        <v>198</v>
      </c>
    </row>
    <row r="81" spans="1:10" s="14" customFormat="1" ht="46.5" customHeight="1" x14ac:dyDescent="0.2">
      <c r="A81" s="11">
        <v>75</v>
      </c>
      <c r="B81" s="28" t="s">
        <v>165</v>
      </c>
      <c r="C81" s="17" t="s">
        <v>179</v>
      </c>
      <c r="D81" s="19" t="s">
        <v>34</v>
      </c>
      <c r="E81" s="19" t="s">
        <v>84</v>
      </c>
      <c r="F81" s="81">
        <v>45141</v>
      </c>
      <c r="G81" s="34">
        <v>45148</v>
      </c>
      <c r="H81" s="25">
        <v>3</v>
      </c>
      <c r="I81" s="27">
        <v>1</v>
      </c>
      <c r="J81" s="17" t="s">
        <v>191</v>
      </c>
    </row>
    <row r="82" spans="1:10" s="14" customFormat="1" ht="46.5" customHeight="1" x14ac:dyDescent="0.2">
      <c r="A82" s="11">
        <v>76</v>
      </c>
      <c r="B82" s="28" t="s">
        <v>165</v>
      </c>
      <c r="C82" s="17" t="s">
        <v>180</v>
      </c>
      <c r="D82" s="19" t="s">
        <v>34</v>
      </c>
      <c r="E82" s="21" t="s">
        <v>134</v>
      </c>
      <c r="F82" s="79">
        <v>45133</v>
      </c>
      <c r="G82" s="23">
        <v>45134</v>
      </c>
      <c r="H82" s="25">
        <v>2</v>
      </c>
      <c r="I82" s="27">
        <v>1</v>
      </c>
      <c r="J82" s="17" t="s">
        <v>192</v>
      </c>
    </row>
    <row r="83" spans="1:10" s="14" customFormat="1" ht="46.5" customHeight="1" x14ac:dyDescent="0.2">
      <c r="A83" s="11">
        <v>77</v>
      </c>
      <c r="B83" s="28" t="s">
        <v>165</v>
      </c>
      <c r="C83" s="17" t="s">
        <v>181</v>
      </c>
      <c r="D83" s="19" t="s">
        <v>34</v>
      </c>
      <c r="E83" s="19" t="s">
        <v>134</v>
      </c>
      <c r="F83" s="81">
        <v>45140</v>
      </c>
      <c r="G83" s="34">
        <v>45141</v>
      </c>
      <c r="H83" s="25">
        <v>2</v>
      </c>
      <c r="I83" s="27">
        <v>2</v>
      </c>
      <c r="J83" s="17" t="s">
        <v>199</v>
      </c>
    </row>
    <row r="84" spans="1:10" s="14" customFormat="1" ht="46.5" customHeight="1" x14ac:dyDescent="0.2">
      <c r="A84" s="11">
        <v>78</v>
      </c>
      <c r="B84" s="28" t="s">
        <v>165</v>
      </c>
      <c r="C84" s="17" t="s">
        <v>182</v>
      </c>
      <c r="D84" s="19" t="s">
        <v>34</v>
      </c>
      <c r="E84" s="21" t="s">
        <v>184</v>
      </c>
      <c r="F84" s="81">
        <v>45133</v>
      </c>
      <c r="G84" s="34">
        <v>45134</v>
      </c>
      <c r="H84" s="25">
        <v>2</v>
      </c>
      <c r="I84" s="27">
        <v>1</v>
      </c>
      <c r="J84" s="17" t="s">
        <v>200</v>
      </c>
    </row>
    <row r="85" spans="1:10" s="14" customFormat="1" ht="46.5" customHeight="1" x14ac:dyDescent="0.2">
      <c r="A85" s="11">
        <v>79</v>
      </c>
      <c r="B85" s="28" t="s">
        <v>165</v>
      </c>
      <c r="C85" s="17" t="s">
        <v>337</v>
      </c>
      <c r="D85" s="19" t="s">
        <v>34</v>
      </c>
      <c r="E85" s="19" t="s">
        <v>84</v>
      </c>
      <c r="F85" s="81">
        <v>45145</v>
      </c>
      <c r="G85" s="34">
        <v>45148</v>
      </c>
      <c r="H85" s="25">
        <v>4</v>
      </c>
      <c r="I85" s="27">
        <v>3</v>
      </c>
      <c r="J85" s="17" t="s">
        <v>193</v>
      </c>
    </row>
    <row r="86" spans="1:10" s="14" customFormat="1" ht="46.5" customHeight="1" x14ac:dyDescent="0.2">
      <c r="A86" s="11">
        <v>80</v>
      </c>
      <c r="B86" s="28" t="s">
        <v>166</v>
      </c>
      <c r="C86" s="17" t="s">
        <v>167</v>
      </c>
      <c r="D86" s="19" t="s">
        <v>34</v>
      </c>
      <c r="E86" s="19" t="s">
        <v>134</v>
      </c>
      <c r="F86" s="79">
        <v>45138</v>
      </c>
      <c r="G86" s="23">
        <v>45142</v>
      </c>
      <c r="H86" s="25">
        <v>5</v>
      </c>
      <c r="I86" s="27">
        <v>2</v>
      </c>
      <c r="J86" s="17" t="s">
        <v>201</v>
      </c>
    </row>
    <row r="87" spans="1:10" s="13" customFormat="1" ht="33.75" customHeight="1" x14ac:dyDescent="0.2">
      <c r="A87" s="96" t="s">
        <v>331</v>
      </c>
      <c r="B87" s="97"/>
      <c r="C87" s="97"/>
      <c r="D87" s="97"/>
      <c r="E87" s="97"/>
      <c r="F87" s="97"/>
      <c r="G87" s="97"/>
      <c r="H87" s="97"/>
      <c r="I87" s="97"/>
      <c r="J87" s="98"/>
    </row>
    <row r="88" spans="1:10" s="14" customFormat="1" ht="46.5" customHeight="1" x14ac:dyDescent="0.2">
      <c r="A88" s="11">
        <v>81</v>
      </c>
      <c r="B88" s="28" t="s">
        <v>202</v>
      </c>
      <c r="C88" s="17" t="s">
        <v>212</v>
      </c>
      <c r="D88" s="19" t="s">
        <v>33</v>
      </c>
      <c r="E88" s="21" t="s">
        <v>84</v>
      </c>
      <c r="F88" s="79">
        <v>45134</v>
      </c>
      <c r="G88" s="23">
        <v>45140</v>
      </c>
      <c r="H88" s="25">
        <v>2</v>
      </c>
      <c r="I88" s="27">
        <v>1</v>
      </c>
      <c r="J88" s="17" t="s">
        <v>258</v>
      </c>
    </row>
    <row r="89" spans="1:10" s="14" customFormat="1" ht="46.5" customHeight="1" x14ac:dyDescent="0.2">
      <c r="A89" s="11">
        <v>82</v>
      </c>
      <c r="B89" s="38" t="s">
        <v>202</v>
      </c>
      <c r="C89" s="43" t="s">
        <v>213</v>
      </c>
      <c r="D89" s="50" t="s">
        <v>32</v>
      </c>
      <c r="E89" s="55" t="s">
        <v>129</v>
      </c>
      <c r="F89" s="82">
        <v>45138</v>
      </c>
      <c r="G89" s="56">
        <v>45142</v>
      </c>
      <c r="H89" s="62">
        <v>5</v>
      </c>
      <c r="I89" s="67">
        <v>4</v>
      </c>
      <c r="J89" s="43" t="s">
        <v>259</v>
      </c>
    </row>
    <row r="90" spans="1:10" s="14" customFormat="1" ht="46.5" customHeight="1" x14ac:dyDescent="0.2">
      <c r="A90" s="11">
        <v>83</v>
      </c>
      <c r="B90" s="28" t="s">
        <v>202</v>
      </c>
      <c r="C90" s="17" t="s">
        <v>214</v>
      </c>
      <c r="D90" s="19" t="s">
        <v>32</v>
      </c>
      <c r="E90" s="21" t="s">
        <v>257</v>
      </c>
      <c r="F90" s="79">
        <v>45139</v>
      </c>
      <c r="G90" s="23">
        <v>45142</v>
      </c>
      <c r="H90" s="25">
        <v>4</v>
      </c>
      <c r="I90" s="27">
        <v>3</v>
      </c>
      <c r="J90" s="17" t="s">
        <v>260</v>
      </c>
    </row>
    <row r="91" spans="1:10" s="14" customFormat="1" ht="46.5" customHeight="1" x14ac:dyDescent="0.2">
      <c r="A91" s="11">
        <v>84</v>
      </c>
      <c r="B91" s="28" t="s">
        <v>202</v>
      </c>
      <c r="C91" s="17" t="s">
        <v>215</v>
      </c>
      <c r="D91" s="19" t="s">
        <v>32</v>
      </c>
      <c r="E91" s="21" t="s">
        <v>252</v>
      </c>
      <c r="F91" s="79">
        <v>45133</v>
      </c>
      <c r="G91" s="23">
        <v>45139</v>
      </c>
      <c r="H91" s="25">
        <v>5</v>
      </c>
      <c r="I91" s="27">
        <v>1</v>
      </c>
      <c r="J91" s="17" t="s">
        <v>261</v>
      </c>
    </row>
    <row r="92" spans="1:10" s="14" customFormat="1" ht="46.5" customHeight="1" x14ac:dyDescent="0.2">
      <c r="A92" s="11">
        <v>85</v>
      </c>
      <c r="B92" s="28" t="s">
        <v>202</v>
      </c>
      <c r="C92" s="17" t="s">
        <v>210</v>
      </c>
      <c r="D92" s="19" t="s">
        <v>34</v>
      </c>
      <c r="E92" s="19" t="s">
        <v>84</v>
      </c>
      <c r="F92" s="79">
        <v>45133</v>
      </c>
      <c r="G92" s="23">
        <v>45134</v>
      </c>
      <c r="H92" s="25">
        <v>2</v>
      </c>
      <c r="I92" s="27">
        <v>1</v>
      </c>
      <c r="J92" s="17" t="s">
        <v>262</v>
      </c>
    </row>
    <row r="93" spans="1:10" s="14" customFormat="1" ht="46.5" customHeight="1" x14ac:dyDescent="0.2">
      <c r="A93" s="11">
        <v>86</v>
      </c>
      <c r="B93" s="28" t="s">
        <v>203</v>
      </c>
      <c r="C93" s="17" t="s">
        <v>216</v>
      </c>
      <c r="D93" s="19" t="s">
        <v>33</v>
      </c>
      <c r="E93" s="21" t="s">
        <v>84</v>
      </c>
      <c r="F93" s="79">
        <v>45133</v>
      </c>
      <c r="G93" s="23">
        <v>45134</v>
      </c>
      <c r="H93" s="25">
        <v>2</v>
      </c>
      <c r="I93" s="27">
        <v>1</v>
      </c>
      <c r="J93" s="17" t="s">
        <v>286</v>
      </c>
    </row>
    <row r="94" spans="1:10" s="14" customFormat="1" ht="46.5" customHeight="1" x14ac:dyDescent="0.2">
      <c r="A94" s="11">
        <v>87</v>
      </c>
      <c r="B94" s="28" t="s">
        <v>203</v>
      </c>
      <c r="C94" s="17" t="s">
        <v>217</v>
      </c>
      <c r="D94" s="19" t="s">
        <v>32</v>
      </c>
      <c r="E94" s="19" t="s">
        <v>252</v>
      </c>
      <c r="F94" s="79">
        <v>45134</v>
      </c>
      <c r="G94" s="23">
        <v>45135</v>
      </c>
      <c r="H94" s="25">
        <v>2</v>
      </c>
      <c r="I94" s="27">
        <v>1</v>
      </c>
      <c r="J94" s="17" t="s">
        <v>287</v>
      </c>
    </row>
    <row r="95" spans="1:10" s="14" customFormat="1" ht="46.5" customHeight="1" x14ac:dyDescent="0.2">
      <c r="A95" s="11">
        <v>88</v>
      </c>
      <c r="B95" s="28" t="s">
        <v>204</v>
      </c>
      <c r="C95" s="17" t="s">
        <v>218</v>
      </c>
      <c r="D95" s="19" t="s">
        <v>33</v>
      </c>
      <c r="E95" s="19" t="s">
        <v>84</v>
      </c>
      <c r="F95" s="79">
        <v>45133</v>
      </c>
      <c r="G95" s="23">
        <v>45134</v>
      </c>
      <c r="H95" s="25">
        <v>2</v>
      </c>
      <c r="I95" s="27">
        <v>1</v>
      </c>
      <c r="J95" s="17" t="s">
        <v>288</v>
      </c>
    </row>
    <row r="96" spans="1:10" s="14" customFormat="1" ht="46.5" customHeight="1" x14ac:dyDescent="0.2">
      <c r="A96" s="11">
        <v>89</v>
      </c>
      <c r="B96" s="28" t="s">
        <v>203</v>
      </c>
      <c r="C96" s="17" t="s">
        <v>219</v>
      </c>
      <c r="D96" s="19" t="s">
        <v>251</v>
      </c>
      <c r="E96" s="19" t="s">
        <v>252</v>
      </c>
      <c r="F96" s="79">
        <v>45138</v>
      </c>
      <c r="G96" s="23">
        <v>45142</v>
      </c>
      <c r="H96" s="25">
        <v>5</v>
      </c>
      <c r="I96" s="27">
        <v>1</v>
      </c>
      <c r="J96" s="17" t="s">
        <v>263</v>
      </c>
    </row>
    <row r="97" spans="1:10" s="14" customFormat="1" ht="46.5" customHeight="1" x14ac:dyDescent="0.2">
      <c r="A97" s="11">
        <v>90</v>
      </c>
      <c r="B97" s="28" t="s">
        <v>203</v>
      </c>
      <c r="C97" s="17" t="s">
        <v>220</v>
      </c>
      <c r="D97" s="19" t="s">
        <v>32</v>
      </c>
      <c r="E97" s="19" t="s">
        <v>252</v>
      </c>
      <c r="F97" s="79">
        <v>45134</v>
      </c>
      <c r="G97" s="23">
        <v>45135</v>
      </c>
      <c r="H97" s="25">
        <v>2</v>
      </c>
      <c r="I97" s="27">
        <v>1</v>
      </c>
      <c r="J97" s="17" t="s">
        <v>289</v>
      </c>
    </row>
    <row r="98" spans="1:10" s="14" customFormat="1" ht="46.5" customHeight="1" x14ac:dyDescent="0.2">
      <c r="A98" s="11">
        <v>91</v>
      </c>
      <c r="B98" s="28" t="s">
        <v>203</v>
      </c>
      <c r="C98" s="17" t="s">
        <v>221</v>
      </c>
      <c r="D98" s="19" t="s">
        <v>32</v>
      </c>
      <c r="E98" s="21" t="s">
        <v>252</v>
      </c>
      <c r="F98" s="79">
        <v>45134</v>
      </c>
      <c r="G98" s="23">
        <v>45135</v>
      </c>
      <c r="H98" s="25">
        <v>2</v>
      </c>
      <c r="I98" s="27">
        <v>1</v>
      </c>
      <c r="J98" s="17" t="s">
        <v>290</v>
      </c>
    </row>
    <row r="99" spans="1:10" s="14" customFormat="1" ht="46.5" customHeight="1" x14ac:dyDescent="0.2">
      <c r="A99" s="11">
        <v>92</v>
      </c>
      <c r="B99" s="28" t="s">
        <v>203</v>
      </c>
      <c r="C99" s="17" t="s">
        <v>211</v>
      </c>
      <c r="D99" s="19" t="s">
        <v>32</v>
      </c>
      <c r="E99" s="21" t="s">
        <v>252</v>
      </c>
      <c r="F99" s="79">
        <v>45134</v>
      </c>
      <c r="G99" s="23">
        <v>45135</v>
      </c>
      <c r="H99" s="25">
        <v>2</v>
      </c>
      <c r="I99" s="27">
        <v>1</v>
      </c>
      <c r="J99" s="17" t="s">
        <v>291</v>
      </c>
    </row>
    <row r="100" spans="1:10" s="14" customFormat="1" ht="46.5" customHeight="1" x14ac:dyDescent="0.2">
      <c r="A100" s="11">
        <v>93</v>
      </c>
      <c r="B100" s="39" t="s">
        <v>205</v>
      </c>
      <c r="C100" s="44" t="s">
        <v>222</v>
      </c>
      <c r="D100" s="51" t="s">
        <v>32</v>
      </c>
      <c r="E100" s="51" t="s">
        <v>130</v>
      </c>
      <c r="F100" s="83">
        <v>45134</v>
      </c>
      <c r="G100" s="57">
        <v>45135</v>
      </c>
      <c r="H100" s="63">
        <v>2</v>
      </c>
      <c r="I100" s="25">
        <v>2</v>
      </c>
      <c r="J100" s="44" t="s">
        <v>264</v>
      </c>
    </row>
    <row r="101" spans="1:10" s="14" customFormat="1" ht="46.5" customHeight="1" x14ac:dyDescent="0.2">
      <c r="A101" s="11">
        <v>94</v>
      </c>
      <c r="B101" s="39" t="s">
        <v>205</v>
      </c>
      <c r="C101" s="44" t="s">
        <v>223</v>
      </c>
      <c r="D101" s="51" t="s">
        <v>32</v>
      </c>
      <c r="E101" s="51" t="s">
        <v>130</v>
      </c>
      <c r="F101" s="83">
        <v>45133</v>
      </c>
      <c r="G101" s="57">
        <v>45135</v>
      </c>
      <c r="H101" s="63">
        <v>3</v>
      </c>
      <c r="I101" s="63">
        <v>2</v>
      </c>
      <c r="J101" s="44" t="s">
        <v>265</v>
      </c>
    </row>
    <row r="102" spans="1:10" s="14" customFormat="1" ht="46.5" customHeight="1" x14ac:dyDescent="0.2">
      <c r="A102" s="11">
        <v>95</v>
      </c>
      <c r="B102" s="39" t="s">
        <v>205</v>
      </c>
      <c r="C102" s="44" t="s">
        <v>224</v>
      </c>
      <c r="D102" s="51" t="s">
        <v>32</v>
      </c>
      <c r="E102" s="51" t="s">
        <v>130</v>
      </c>
      <c r="F102" s="83">
        <v>45134</v>
      </c>
      <c r="G102" s="57">
        <v>45135</v>
      </c>
      <c r="H102" s="63">
        <v>2</v>
      </c>
      <c r="I102" s="63">
        <v>4</v>
      </c>
      <c r="J102" s="44" t="s">
        <v>266</v>
      </c>
    </row>
    <row r="103" spans="1:10" s="14" customFormat="1" ht="46.5" customHeight="1" x14ac:dyDescent="0.2">
      <c r="A103" s="11">
        <v>96</v>
      </c>
      <c r="B103" s="39" t="s">
        <v>205</v>
      </c>
      <c r="C103" s="45" t="s">
        <v>225</v>
      </c>
      <c r="D103" s="51" t="s">
        <v>32</v>
      </c>
      <c r="E103" s="51" t="s">
        <v>253</v>
      </c>
      <c r="F103" s="83">
        <v>45140</v>
      </c>
      <c r="G103" s="57">
        <v>45142</v>
      </c>
      <c r="H103" s="63">
        <v>3</v>
      </c>
      <c r="I103" s="63">
        <v>1</v>
      </c>
      <c r="J103" s="45" t="s">
        <v>267</v>
      </c>
    </row>
    <row r="104" spans="1:10" s="14" customFormat="1" ht="46.5" customHeight="1" x14ac:dyDescent="0.2">
      <c r="A104" s="11">
        <v>97</v>
      </c>
      <c r="B104" s="39" t="s">
        <v>205</v>
      </c>
      <c r="C104" s="44" t="s">
        <v>226</v>
      </c>
      <c r="D104" s="51" t="s">
        <v>32</v>
      </c>
      <c r="E104" s="51" t="s">
        <v>130</v>
      </c>
      <c r="F104" s="83">
        <v>45133</v>
      </c>
      <c r="G104" s="57">
        <v>45138</v>
      </c>
      <c r="H104" s="63">
        <v>4</v>
      </c>
      <c r="I104" s="63">
        <v>1</v>
      </c>
      <c r="J104" s="44" t="s">
        <v>268</v>
      </c>
    </row>
    <row r="105" spans="1:10" s="14" customFormat="1" ht="46.5" customHeight="1" x14ac:dyDescent="0.2">
      <c r="A105" s="11">
        <v>98</v>
      </c>
      <c r="B105" s="39" t="s">
        <v>205</v>
      </c>
      <c r="C105" s="44" t="s">
        <v>227</v>
      </c>
      <c r="D105" s="51" t="s">
        <v>32</v>
      </c>
      <c r="E105" s="51" t="s">
        <v>130</v>
      </c>
      <c r="F105" s="83">
        <v>45133</v>
      </c>
      <c r="G105" s="57">
        <v>45135</v>
      </c>
      <c r="H105" s="63">
        <v>3</v>
      </c>
      <c r="I105" s="63">
        <v>2</v>
      </c>
      <c r="J105" s="44" t="s">
        <v>269</v>
      </c>
    </row>
    <row r="106" spans="1:10" s="14" customFormat="1" ht="46.5" customHeight="1" x14ac:dyDescent="0.2">
      <c r="A106" s="11">
        <v>99</v>
      </c>
      <c r="B106" s="39" t="s">
        <v>205</v>
      </c>
      <c r="C106" s="44" t="s">
        <v>228</v>
      </c>
      <c r="D106" s="51" t="s">
        <v>32</v>
      </c>
      <c r="E106" s="51" t="s">
        <v>130</v>
      </c>
      <c r="F106" s="83">
        <v>45140</v>
      </c>
      <c r="G106" s="57">
        <v>45142</v>
      </c>
      <c r="H106" s="63">
        <v>3</v>
      </c>
      <c r="I106" s="63">
        <v>2</v>
      </c>
      <c r="J106" s="44" t="s">
        <v>292</v>
      </c>
    </row>
    <row r="107" spans="1:10" s="14" customFormat="1" ht="46.5" customHeight="1" x14ac:dyDescent="0.2">
      <c r="A107" s="11">
        <v>100</v>
      </c>
      <c r="B107" s="39" t="s">
        <v>206</v>
      </c>
      <c r="C107" s="44" t="s">
        <v>229</v>
      </c>
      <c r="D107" s="51" t="s">
        <v>32</v>
      </c>
      <c r="E107" s="51" t="s">
        <v>130</v>
      </c>
      <c r="F107" s="84">
        <v>45139</v>
      </c>
      <c r="G107" s="58">
        <v>45142</v>
      </c>
      <c r="H107" s="63">
        <v>4</v>
      </c>
      <c r="I107" s="63">
        <v>4</v>
      </c>
      <c r="J107" s="44" t="s">
        <v>270</v>
      </c>
    </row>
    <row r="108" spans="1:10" s="14" customFormat="1" ht="46.5" customHeight="1" x14ac:dyDescent="0.2">
      <c r="A108" s="11">
        <v>101</v>
      </c>
      <c r="B108" s="39" t="s">
        <v>205</v>
      </c>
      <c r="C108" s="44" t="s">
        <v>230</v>
      </c>
      <c r="D108" s="51" t="s">
        <v>32</v>
      </c>
      <c r="E108" s="51" t="s">
        <v>130</v>
      </c>
      <c r="F108" s="83">
        <v>45138</v>
      </c>
      <c r="G108" s="57">
        <v>45139</v>
      </c>
      <c r="H108" s="63">
        <v>2</v>
      </c>
      <c r="I108" s="63">
        <v>4</v>
      </c>
      <c r="J108" s="44" t="s">
        <v>271</v>
      </c>
    </row>
    <row r="109" spans="1:10" s="14" customFormat="1" ht="46.5" customHeight="1" x14ac:dyDescent="0.2">
      <c r="A109" s="11">
        <v>102</v>
      </c>
      <c r="B109" s="39" t="s">
        <v>205</v>
      </c>
      <c r="C109" s="44" t="s">
        <v>231</v>
      </c>
      <c r="D109" s="51" t="s">
        <v>32</v>
      </c>
      <c r="E109" s="51" t="s">
        <v>130</v>
      </c>
      <c r="F109" s="85">
        <v>45133</v>
      </c>
      <c r="G109" s="57">
        <v>45148</v>
      </c>
      <c r="H109" s="63">
        <v>3</v>
      </c>
      <c r="I109" s="68">
        <v>2</v>
      </c>
      <c r="J109" s="44" t="s">
        <v>272</v>
      </c>
    </row>
    <row r="110" spans="1:10" s="14" customFormat="1" ht="46.5" customHeight="1" x14ac:dyDescent="0.2">
      <c r="A110" s="11">
        <v>103</v>
      </c>
      <c r="B110" s="40" t="s">
        <v>205</v>
      </c>
      <c r="C110" s="46" t="s">
        <v>232</v>
      </c>
      <c r="D110" s="52" t="s">
        <v>32</v>
      </c>
      <c r="E110" s="52" t="s">
        <v>130</v>
      </c>
      <c r="F110" s="86">
        <v>45134</v>
      </c>
      <c r="G110" s="59">
        <v>45135</v>
      </c>
      <c r="H110" s="64">
        <v>2</v>
      </c>
      <c r="I110" s="69">
        <v>3</v>
      </c>
      <c r="J110" s="46" t="s">
        <v>273</v>
      </c>
    </row>
    <row r="111" spans="1:10" s="14" customFormat="1" ht="46.5" customHeight="1" x14ac:dyDescent="0.2">
      <c r="A111" s="11">
        <v>104</v>
      </c>
      <c r="B111" s="39" t="s">
        <v>205</v>
      </c>
      <c r="C111" s="44" t="s">
        <v>233</v>
      </c>
      <c r="D111" s="51" t="s">
        <v>32</v>
      </c>
      <c r="E111" s="51" t="s">
        <v>130</v>
      </c>
      <c r="F111" s="83">
        <v>45133</v>
      </c>
      <c r="G111" s="57">
        <v>45135</v>
      </c>
      <c r="H111" s="63">
        <v>3</v>
      </c>
      <c r="I111" s="63">
        <v>2</v>
      </c>
      <c r="J111" s="44" t="s">
        <v>270</v>
      </c>
    </row>
    <row r="112" spans="1:10" s="14" customFormat="1" ht="46.5" customHeight="1" x14ac:dyDescent="0.2">
      <c r="A112" s="11">
        <v>105</v>
      </c>
      <c r="B112" s="41" t="s">
        <v>205</v>
      </c>
      <c r="C112" s="47" t="s">
        <v>234</v>
      </c>
      <c r="D112" s="53" t="s">
        <v>32</v>
      </c>
      <c r="E112" s="53" t="s">
        <v>130</v>
      </c>
      <c r="F112" s="87">
        <v>45140</v>
      </c>
      <c r="G112" s="60">
        <v>45142</v>
      </c>
      <c r="H112" s="65">
        <v>3</v>
      </c>
      <c r="I112" s="70">
        <v>2</v>
      </c>
      <c r="J112" s="47" t="s">
        <v>274</v>
      </c>
    </row>
    <row r="113" spans="1:10" s="14" customFormat="1" ht="46.5" customHeight="1" x14ac:dyDescent="0.2">
      <c r="A113" s="11">
        <v>106</v>
      </c>
      <c r="B113" s="42" t="s">
        <v>205</v>
      </c>
      <c r="C113" s="48" t="s">
        <v>235</v>
      </c>
      <c r="D113" s="54" t="s">
        <v>32</v>
      </c>
      <c r="E113" s="54" t="s">
        <v>130</v>
      </c>
      <c r="F113" s="88">
        <v>45145</v>
      </c>
      <c r="G113" s="61">
        <v>45148</v>
      </c>
      <c r="H113" s="66">
        <v>4</v>
      </c>
      <c r="I113" s="71">
        <v>2</v>
      </c>
      <c r="J113" s="48" t="s">
        <v>275</v>
      </c>
    </row>
    <row r="114" spans="1:10" s="14" customFormat="1" ht="46.5" customHeight="1" x14ac:dyDescent="0.2">
      <c r="A114" s="11">
        <v>107</v>
      </c>
      <c r="B114" s="39" t="s">
        <v>205</v>
      </c>
      <c r="C114" s="44" t="s">
        <v>236</v>
      </c>
      <c r="D114" s="51" t="s">
        <v>32</v>
      </c>
      <c r="E114" s="51" t="s">
        <v>254</v>
      </c>
      <c r="F114" s="83">
        <v>45133</v>
      </c>
      <c r="G114" s="57">
        <v>45148</v>
      </c>
      <c r="H114" s="63">
        <v>2</v>
      </c>
      <c r="I114" s="63">
        <v>1</v>
      </c>
      <c r="J114" s="44" t="s">
        <v>276</v>
      </c>
    </row>
    <row r="115" spans="1:10" s="14" customFormat="1" ht="46.5" customHeight="1" x14ac:dyDescent="0.2">
      <c r="A115" s="11">
        <v>108</v>
      </c>
      <c r="B115" s="39" t="s">
        <v>205</v>
      </c>
      <c r="C115" s="44" t="s">
        <v>237</v>
      </c>
      <c r="D115" s="51" t="s">
        <v>32</v>
      </c>
      <c r="E115" s="51" t="s">
        <v>254</v>
      </c>
      <c r="F115" s="83">
        <v>45133</v>
      </c>
      <c r="G115" s="57">
        <v>45135</v>
      </c>
      <c r="H115" s="63">
        <v>2</v>
      </c>
      <c r="I115" s="63">
        <v>2</v>
      </c>
      <c r="J115" s="44" t="s">
        <v>293</v>
      </c>
    </row>
    <row r="116" spans="1:10" s="14" customFormat="1" ht="46.5" customHeight="1" x14ac:dyDescent="0.2">
      <c r="A116" s="11">
        <v>109</v>
      </c>
      <c r="B116" s="39" t="s">
        <v>205</v>
      </c>
      <c r="C116" s="44" t="s">
        <v>238</v>
      </c>
      <c r="D116" s="51" t="s">
        <v>32</v>
      </c>
      <c r="E116" s="51" t="s">
        <v>130</v>
      </c>
      <c r="F116" s="83">
        <v>45133</v>
      </c>
      <c r="G116" s="57">
        <v>45135</v>
      </c>
      <c r="H116" s="63">
        <v>3</v>
      </c>
      <c r="I116" s="63">
        <v>2</v>
      </c>
      <c r="J116" s="44" t="s">
        <v>277</v>
      </c>
    </row>
    <row r="117" spans="1:10" s="14" customFormat="1" ht="46.5" customHeight="1" x14ac:dyDescent="0.2">
      <c r="A117" s="11">
        <v>110</v>
      </c>
      <c r="B117" s="28" t="s">
        <v>207</v>
      </c>
      <c r="C117" s="17" t="s">
        <v>239</v>
      </c>
      <c r="D117" s="19" t="s">
        <v>34</v>
      </c>
      <c r="E117" s="19" t="s">
        <v>84</v>
      </c>
      <c r="F117" s="79">
        <v>45134</v>
      </c>
      <c r="G117" s="23">
        <v>45135</v>
      </c>
      <c r="H117" s="25">
        <v>2</v>
      </c>
      <c r="I117" s="25">
        <v>2</v>
      </c>
      <c r="J117" s="17" t="s">
        <v>278</v>
      </c>
    </row>
    <row r="118" spans="1:10" s="14" customFormat="1" ht="46.5" customHeight="1" x14ac:dyDescent="0.2">
      <c r="A118" s="11">
        <v>111</v>
      </c>
      <c r="B118" s="28" t="s">
        <v>207</v>
      </c>
      <c r="C118" s="17" t="s">
        <v>240</v>
      </c>
      <c r="D118" s="19" t="s">
        <v>32</v>
      </c>
      <c r="E118" s="19" t="s">
        <v>129</v>
      </c>
      <c r="F118" s="79">
        <v>45134</v>
      </c>
      <c r="G118" s="23">
        <v>45138</v>
      </c>
      <c r="H118" s="25">
        <v>3</v>
      </c>
      <c r="I118" s="27">
        <v>5</v>
      </c>
      <c r="J118" s="17" t="s">
        <v>279</v>
      </c>
    </row>
    <row r="119" spans="1:10" s="14" customFormat="1" ht="46.5" customHeight="1" x14ac:dyDescent="0.2">
      <c r="A119" s="11">
        <v>112</v>
      </c>
      <c r="B119" s="28" t="s">
        <v>207</v>
      </c>
      <c r="C119" s="17" t="s">
        <v>241</v>
      </c>
      <c r="D119" s="19" t="s">
        <v>32</v>
      </c>
      <c r="E119" s="19" t="s">
        <v>129</v>
      </c>
      <c r="F119" s="79">
        <v>45134</v>
      </c>
      <c r="G119" s="23">
        <v>45138</v>
      </c>
      <c r="H119" s="25">
        <v>3</v>
      </c>
      <c r="I119" s="27">
        <v>5</v>
      </c>
      <c r="J119" s="17" t="s">
        <v>280</v>
      </c>
    </row>
    <row r="120" spans="1:10" s="14" customFormat="1" ht="46.5" customHeight="1" x14ac:dyDescent="0.2">
      <c r="A120" s="11">
        <v>113</v>
      </c>
      <c r="B120" s="28" t="s">
        <v>207</v>
      </c>
      <c r="C120" s="17" t="s">
        <v>242</v>
      </c>
      <c r="D120" s="19" t="s">
        <v>32</v>
      </c>
      <c r="E120" s="19" t="s">
        <v>129</v>
      </c>
      <c r="F120" s="79">
        <v>45134</v>
      </c>
      <c r="G120" s="23">
        <v>45139</v>
      </c>
      <c r="H120" s="25">
        <v>3</v>
      </c>
      <c r="I120" s="27">
        <v>1</v>
      </c>
      <c r="J120" s="17" t="s">
        <v>281</v>
      </c>
    </row>
    <row r="121" spans="1:10" s="14" customFormat="1" ht="46.5" customHeight="1" x14ac:dyDescent="0.2">
      <c r="A121" s="11">
        <v>114</v>
      </c>
      <c r="B121" s="28" t="s">
        <v>207</v>
      </c>
      <c r="C121" s="17" t="s">
        <v>243</v>
      </c>
      <c r="D121" s="19" t="s">
        <v>32</v>
      </c>
      <c r="E121" s="19" t="s">
        <v>129</v>
      </c>
      <c r="F121" s="79">
        <v>45134</v>
      </c>
      <c r="G121" s="23">
        <v>45147</v>
      </c>
      <c r="H121" s="25">
        <v>3</v>
      </c>
      <c r="I121" s="27">
        <v>1</v>
      </c>
      <c r="J121" s="17" t="s">
        <v>282</v>
      </c>
    </row>
    <row r="122" spans="1:10" s="14" customFormat="1" ht="46.5" customHeight="1" x14ac:dyDescent="0.2">
      <c r="A122" s="11">
        <v>115</v>
      </c>
      <c r="B122" s="28" t="s">
        <v>207</v>
      </c>
      <c r="C122" s="17" t="s">
        <v>244</v>
      </c>
      <c r="D122" s="19" t="s">
        <v>32</v>
      </c>
      <c r="E122" s="19" t="s">
        <v>129</v>
      </c>
      <c r="F122" s="79">
        <v>45134</v>
      </c>
      <c r="G122" s="23">
        <v>45138</v>
      </c>
      <c r="H122" s="25">
        <v>3</v>
      </c>
      <c r="I122" s="27">
        <v>2</v>
      </c>
      <c r="J122" s="17" t="s">
        <v>282</v>
      </c>
    </row>
    <row r="123" spans="1:10" s="14" customFormat="1" ht="46.5" customHeight="1" x14ac:dyDescent="0.2">
      <c r="A123" s="11">
        <v>116</v>
      </c>
      <c r="B123" s="28" t="s">
        <v>207</v>
      </c>
      <c r="C123" s="17" t="s">
        <v>245</v>
      </c>
      <c r="D123" s="19" t="s">
        <v>32</v>
      </c>
      <c r="E123" s="19" t="s">
        <v>129</v>
      </c>
      <c r="F123" s="79">
        <v>45134</v>
      </c>
      <c r="G123" s="23">
        <v>45140</v>
      </c>
      <c r="H123" s="25">
        <v>3</v>
      </c>
      <c r="I123" s="27">
        <v>2</v>
      </c>
      <c r="J123" s="17" t="s">
        <v>283</v>
      </c>
    </row>
    <row r="124" spans="1:10" s="14" customFormat="1" ht="46.5" customHeight="1" x14ac:dyDescent="0.2">
      <c r="A124" s="11">
        <v>117</v>
      </c>
      <c r="B124" s="28" t="s">
        <v>208</v>
      </c>
      <c r="C124" s="17" t="s">
        <v>246</v>
      </c>
      <c r="D124" s="19" t="s">
        <v>34</v>
      </c>
      <c r="E124" s="21" t="s">
        <v>134</v>
      </c>
      <c r="F124" s="79">
        <v>45133</v>
      </c>
      <c r="G124" s="23">
        <v>45148</v>
      </c>
      <c r="H124" s="25">
        <v>2</v>
      </c>
      <c r="I124" s="27">
        <v>2</v>
      </c>
      <c r="J124" s="17" t="s">
        <v>294</v>
      </c>
    </row>
    <row r="125" spans="1:10" s="14" customFormat="1" ht="46.5" customHeight="1" x14ac:dyDescent="0.2">
      <c r="A125" s="11">
        <v>118</v>
      </c>
      <c r="B125" s="28" t="s">
        <v>209</v>
      </c>
      <c r="C125" s="17" t="s">
        <v>247</v>
      </c>
      <c r="D125" s="19" t="s">
        <v>32</v>
      </c>
      <c r="E125" s="21" t="s">
        <v>255</v>
      </c>
      <c r="F125" s="79">
        <v>45138</v>
      </c>
      <c r="G125" s="23">
        <v>45141</v>
      </c>
      <c r="H125" s="25">
        <v>4</v>
      </c>
      <c r="I125" s="72">
        <v>4</v>
      </c>
      <c r="J125" s="17" t="s">
        <v>284</v>
      </c>
    </row>
    <row r="126" spans="1:10" s="14" customFormat="1" ht="46.5" customHeight="1" x14ac:dyDescent="0.2">
      <c r="A126" s="11">
        <v>119</v>
      </c>
      <c r="B126" s="28" t="s">
        <v>209</v>
      </c>
      <c r="C126" s="17" t="s">
        <v>248</v>
      </c>
      <c r="D126" s="19" t="s">
        <v>34</v>
      </c>
      <c r="E126" s="21" t="s">
        <v>256</v>
      </c>
      <c r="F126" s="79">
        <v>45133</v>
      </c>
      <c r="G126" s="23">
        <v>45148</v>
      </c>
      <c r="H126" s="25">
        <v>2</v>
      </c>
      <c r="I126" s="29">
        <v>2</v>
      </c>
      <c r="J126" s="17" t="s">
        <v>295</v>
      </c>
    </row>
    <row r="127" spans="1:10" s="14" customFormat="1" ht="46.5" customHeight="1" x14ac:dyDescent="0.2">
      <c r="A127" s="11">
        <v>120</v>
      </c>
      <c r="B127" s="28" t="s">
        <v>208</v>
      </c>
      <c r="C127" s="17" t="s">
        <v>249</v>
      </c>
      <c r="D127" s="19" t="s">
        <v>32</v>
      </c>
      <c r="E127" s="19" t="s">
        <v>130</v>
      </c>
      <c r="F127" s="79">
        <v>45146</v>
      </c>
      <c r="G127" s="23">
        <v>45148</v>
      </c>
      <c r="H127" s="25">
        <v>3</v>
      </c>
      <c r="I127" s="25">
        <v>6</v>
      </c>
      <c r="J127" s="17" t="s">
        <v>285</v>
      </c>
    </row>
    <row r="128" spans="1:10" s="14" customFormat="1" ht="46.5" customHeight="1" x14ac:dyDescent="0.2">
      <c r="A128" s="11">
        <v>121</v>
      </c>
      <c r="B128" s="20" t="s">
        <v>209</v>
      </c>
      <c r="C128" s="49" t="s">
        <v>250</v>
      </c>
      <c r="D128" s="20" t="s">
        <v>251</v>
      </c>
      <c r="E128" s="20" t="s">
        <v>252</v>
      </c>
      <c r="F128" s="79">
        <v>45147</v>
      </c>
      <c r="G128" s="23">
        <v>45148</v>
      </c>
      <c r="H128" s="26">
        <v>2</v>
      </c>
      <c r="I128" s="26">
        <v>2</v>
      </c>
      <c r="J128" s="49" t="s">
        <v>296</v>
      </c>
    </row>
    <row r="129" spans="1:10" s="13" customFormat="1" ht="33.75" customHeight="1" x14ac:dyDescent="0.2">
      <c r="A129" s="96" t="s">
        <v>332</v>
      </c>
      <c r="B129" s="97"/>
      <c r="C129" s="97"/>
      <c r="D129" s="97"/>
      <c r="E129" s="97"/>
      <c r="F129" s="97"/>
      <c r="G129" s="97"/>
      <c r="H129" s="97"/>
      <c r="I129" s="97"/>
      <c r="J129" s="98"/>
    </row>
    <row r="130" spans="1:10" s="14" customFormat="1" ht="46.5" customHeight="1" x14ac:dyDescent="0.2">
      <c r="A130" s="11">
        <v>122</v>
      </c>
      <c r="B130" s="51" t="s">
        <v>297</v>
      </c>
      <c r="C130" s="44" t="s">
        <v>300</v>
      </c>
      <c r="D130" s="39" t="s">
        <v>34</v>
      </c>
      <c r="E130" s="39" t="s">
        <v>134</v>
      </c>
      <c r="F130" s="79">
        <v>45133</v>
      </c>
      <c r="G130" s="23">
        <v>45142</v>
      </c>
      <c r="H130" s="25">
        <v>2</v>
      </c>
      <c r="I130" s="27">
        <v>2</v>
      </c>
      <c r="J130" s="17" t="s">
        <v>326</v>
      </c>
    </row>
    <row r="131" spans="1:10" s="14" customFormat="1" ht="46.5" customHeight="1" x14ac:dyDescent="0.2">
      <c r="A131" s="11">
        <v>123</v>
      </c>
      <c r="B131" s="28" t="s">
        <v>298</v>
      </c>
      <c r="C131" s="17" t="s">
        <v>301</v>
      </c>
      <c r="D131" s="19" t="s">
        <v>32</v>
      </c>
      <c r="E131" s="21" t="s">
        <v>252</v>
      </c>
      <c r="F131" s="79">
        <v>45141</v>
      </c>
      <c r="G131" s="23">
        <v>45142</v>
      </c>
      <c r="H131" s="25">
        <v>2</v>
      </c>
      <c r="I131" s="25">
        <v>4</v>
      </c>
      <c r="J131" s="17" t="s">
        <v>327</v>
      </c>
    </row>
    <row r="132" spans="1:10" s="14" customFormat="1" ht="46.5" customHeight="1" x14ac:dyDescent="0.2">
      <c r="A132" s="11">
        <v>124</v>
      </c>
      <c r="B132" s="73" t="s">
        <v>299</v>
      </c>
      <c r="C132" s="17" t="s">
        <v>302</v>
      </c>
      <c r="D132" s="19" t="s">
        <v>34</v>
      </c>
      <c r="E132" s="21" t="s">
        <v>134</v>
      </c>
      <c r="F132" s="79">
        <v>45133</v>
      </c>
      <c r="G132" s="23">
        <v>45134</v>
      </c>
      <c r="H132" s="25">
        <v>2</v>
      </c>
      <c r="I132" s="27">
        <v>5</v>
      </c>
      <c r="J132" s="17" t="s">
        <v>340</v>
      </c>
    </row>
    <row r="133" spans="1:10" s="14" customFormat="1" ht="46.5" customHeight="1" x14ac:dyDescent="0.2">
      <c r="A133" s="11">
        <v>125</v>
      </c>
      <c r="B133" s="73" t="s">
        <v>299</v>
      </c>
      <c r="C133" s="17" t="s">
        <v>303</v>
      </c>
      <c r="D133" s="19" t="s">
        <v>34</v>
      </c>
      <c r="E133" s="21" t="s">
        <v>134</v>
      </c>
      <c r="F133" s="79">
        <v>45133</v>
      </c>
      <c r="G133" s="23">
        <v>45134</v>
      </c>
      <c r="H133" s="25">
        <v>2</v>
      </c>
      <c r="I133" s="27">
        <v>4</v>
      </c>
      <c r="J133" s="17" t="s">
        <v>341</v>
      </c>
    </row>
    <row r="134" spans="1:10" s="13" customFormat="1" ht="33.75" customHeight="1" x14ac:dyDescent="0.2">
      <c r="A134" s="96" t="s">
        <v>333</v>
      </c>
      <c r="B134" s="97"/>
      <c r="C134" s="97"/>
      <c r="D134" s="97"/>
      <c r="E134" s="97"/>
      <c r="F134" s="97"/>
      <c r="G134" s="97"/>
      <c r="H134" s="97"/>
      <c r="I134" s="97"/>
      <c r="J134" s="98"/>
    </row>
    <row r="135" spans="1:10" s="14" customFormat="1" ht="46.5" customHeight="1" x14ac:dyDescent="0.2">
      <c r="A135" s="11">
        <v>126</v>
      </c>
      <c r="B135" s="28" t="s">
        <v>304</v>
      </c>
      <c r="C135" s="17" t="s">
        <v>311</v>
      </c>
      <c r="D135" s="19" t="s">
        <v>33</v>
      </c>
      <c r="E135" s="21" t="s">
        <v>134</v>
      </c>
      <c r="F135" s="79">
        <v>45145</v>
      </c>
      <c r="G135" s="23">
        <v>45146</v>
      </c>
      <c r="H135" s="25">
        <v>2</v>
      </c>
      <c r="I135" s="27">
        <v>1</v>
      </c>
      <c r="J135" s="17" t="s">
        <v>318</v>
      </c>
    </row>
    <row r="136" spans="1:10" s="14" customFormat="1" ht="46.5" customHeight="1" x14ac:dyDescent="0.2">
      <c r="A136" s="11">
        <v>127</v>
      </c>
      <c r="B136" s="28" t="s">
        <v>305</v>
      </c>
      <c r="C136" s="17" t="s">
        <v>312</v>
      </c>
      <c r="D136" s="19" t="s">
        <v>33</v>
      </c>
      <c r="E136" s="21" t="s">
        <v>84</v>
      </c>
      <c r="F136" s="79">
        <v>45146</v>
      </c>
      <c r="G136" s="23">
        <v>45147</v>
      </c>
      <c r="H136" s="25">
        <v>2</v>
      </c>
      <c r="I136" s="27">
        <v>1</v>
      </c>
      <c r="J136" s="17" t="s">
        <v>319</v>
      </c>
    </row>
    <row r="137" spans="1:10" s="14" customFormat="1" ht="46.5" customHeight="1" x14ac:dyDescent="0.2">
      <c r="A137" s="11">
        <v>128</v>
      </c>
      <c r="B137" s="74" t="s">
        <v>306</v>
      </c>
      <c r="C137" s="75" t="s">
        <v>313</v>
      </c>
      <c r="D137" s="27" t="s">
        <v>34</v>
      </c>
      <c r="E137" s="27" t="s">
        <v>134</v>
      </c>
      <c r="F137" s="79">
        <v>45138</v>
      </c>
      <c r="G137" s="23">
        <v>45139</v>
      </c>
      <c r="H137" s="25">
        <v>2</v>
      </c>
      <c r="I137" s="25">
        <v>2</v>
      </c>
      <c r="J137" s="17" t="s">
        <v>336</v>
      </c>
    </row>
    <row r="138" spans="1:10" s="14" customFormat="1" ht="46.5" customHeight="1" x14ac:dyDescent="0.2">
      <c r="A138" s="11">
        <v>129</v>
      </c>
      <c r="B138" s="28" t="s">
        <v>307</v>
      </c>
      <c r="C138" s="17" t="s">
        <v>314</v>
      </c>
      <c r="D138" s="19" t="s">
        <v>34</v>
      </c>
      <c r="E138" s="21" t="s">
        <v>84</v>
      </c>
      <c r="F138" s="79">
        <v>45146</v>
      </c>
      <c r="G138" s="23">
        <v>45148</v>
      </c>
      <c r="H138" s="25">
        <v>3</v>
      </c>
      <c r="I138" s="27">
        <v>3</v>
      </c>
      <c r="J138" s="17" t="s">
        <v>321</v>
      </c>
    </row>
    <row r="139" spans="1:10" s="14" customFormat="1" ht="46.5" customHeight="1" x14ac:dyDescent="0.2">
      <c r="A139" s="11">
        <v>130</v>
      </c>
      <c r="B139" s="28" t="s">
        <v>307</v>
      </c>
      <c r="C139" s="17" t="s">
        <v>315</v>
      </c>
      <c r="D139" s="19" t="s">
        <v>34</v>
      </c>
      <c r="E139" s="21" t="s">
        <v>134</v>
      </c>
      <c r="F139" s="79">
        <v>45138</v>
      </c>
      <c r="G139" s="23">
        <v>45139</v>
      </c>
      <c r="H139" s="25">
        <v>2</v>
      </c>
      <c r="I139" s="27">
        <v>2</v>
      </c>
      <c r="J139" s="17" t="s">
        <v>322</v>
      </c>
    </row>
    <row r="140" spans="1:10" s="14" customFormat="1" ht="46.5" customHeight="1" x14ac:dyDescent="0.2">
      <c r="A140" s="11">
        <v>131</v>
      </c>
      <c r="B140" s="28" t="s">
        <v>307</v>
      </c>
      <c r="C140" s="17" t="s">
        <v>309</v>
      </c>
      <c r="D140" s="19" t="s">
        <v>34</v>
      </c>
      <c r="E140" s="21" t="s">
        <v>84</v>
      </c>
      <c r="F140" s="79">
        <v>45133</v>
      </c>
      <c r="G140" s="23">
        <v>45134</v>
      </c>
      <c r="H140" s="25">
        <v>2</v>
      </c>
      <c r="I140" s="27">
        <v>2</v>
      </c>
      <c r="J140" s="17" t="s">
        <v>320</v>
      </c>
    </row>
    <row r="141" spans="1:10" s="14" customFormat="1" ht="46.5" customHeight="1" x14ac:dyDescent="0.2">
      <c r="A141" s="11">
        <v>132</v>
      </c>
      <c r="B141" s="28" t="s">
        <v>307</v>
      </c>
      <c r="C141" s="17" t="s">
        <v>310</v>
      </c>
      <c r="D141" s="19" t="s">
        <v>34</v>
      </c>
      <c r="E141" s="21" t="s">
        <v>84</v>
      </c>
      <c r="F141" s="79">
        <v>45134</v>
      </c>
      <c r="G141" s="23">
        <v>45146</v>
      </c>
      <c r="H141" s="25">
        <v>3</v>
      </c>
      <c r="I141" s="27">
        <v>2</v>
      </c>
      <c r="J141" s="17" t="s">
        <v>323</v>
      </c>
    </row>
    <row r="142" spans="1:10" s="14" customFormat="1" ht="70.8" customHeight="1" x14ac:dyDescent="0.2">
      <c r="A142" s="11">
        <v>133</v>
      </c>
      <c r="B142" s="11" t="s">
        <v>308</v>
      </c>
      <c r="C142" s="76" t="s">
        <v>339</v>
      </c>
      <c r="D142" s="19" t="s">
        <v>34</v>
      </c>
      <c r="E142" s="21" t="s">
        <v>317</v>
      </c>
      <c r="F142" s="79">
        <v>45141</v>
      </c>
      <c r="G142" s="23">
        <v>45142</v>
      </c>
      <c r="H142" s="25">
        <v>2</v>
      </c>
      <c r="I142" s="27">
        <v>2</v>
      </c>
      <c r="J142" s="17" t="s">
        <v>324</v>
      </c>
    </row>
    <row r="143" spans="1:10" s="14" customFormat="1" ht="46.5" customHeight="1" x14ac:dyDescent="0.2">
      <c r="A143" s="11">
        <v>134</v>
      </c>
      <c r="B143" s="11" t="s">
        <v>308</v>
      </c>
      <c r="C143" s="76" t="s">
        <v>316</v>
      </c>
      <c r="D143" s="19" t="s">
        <v>34</v>
      </c>
      <c r="E143" s="21" t="s">
        <v>317</v>
      </c>
      <c r="F143" s="79">
        <v>45141</v>
      </c>
      <c r="G143" s="23">
        <v>45142</v>
      </c>
      <c r="H143" s="25">
        <v>2</v>
      </c>
      <c r="I143" s="27">
        <v>4</v>
      </c>
      <c r="J143" s="17" t="s">
        <v>325</v>
      </c>
    </row>
    <row r="144" spans="1:10" x14ac:dyDescent="0.2">
      <c r="A144" s="90"/>
      <c r="B144" s="91"/>
      <c r="C144" s="92"/>
      <c r="D144" s="93"/>
      <c r="E144" s="93"/>
      <c r="F144" s="93"/>
    </row>
    <row r="145" spans="1:6" x14ac:dyDescent="0.2">
      <c r="A145" s="94"/>
      <c r="B145" s="95"/>
      <c r="C145" s="12"/>
      <c r="D145" s="77"/>
      <c r="E145" s="77"/>
      <c r="F145" s="77"/>
    </row>
    <row r="146" spans="1:6" x14ac:dyDescent="0.2">
      <c r="A146" s="94"/>
      <c r="B146" s="95"/>
      <c r="C146" s="12"/>
      <c r="D146" s="77"/>
      <c r="E146" s="77"/>
      <c r="F146" s="77"/>
    </row>
    <row r="147" spans="1:6" x14ac:dyDescent="0.2">
      <c r="A147" s="94"/>
      <c r="B147" s="95"/>
      <c r="C147" s="12"/>
      <c r="D147" s="77"/>
      <c r="E147" s="77"/>
      <c r="F147" s="77"/>
    </row>
    <row r="148" spans="1:6" x14ac:dyDescent="0.2">
      <c r="A148" s="94"/>
      <c r="B148" s="95"/>
      <c r="C148" s="12"/>
      <c r="D148" s="77"/>
      <c r="E148" s="77"/>
      <c r="F148" s="77"/>
    </row>
    <row r="149" spans="1:6" x14ac:dyDescent="0.2">
      <c r="A149" s="94"/>
      <c r="B149" s="95"/>
      <c r="C149" s="12"/>
      <c r="D149" s="77"/>
      <c r="E149" s="77"/>
      <c r="F149" s="77"/>
    </row>
    <row r="150" spans="1:6" x14ac:dyDescent="0.2">
      <c r="A150" s="94"/>
      <c r="B150" s="95"/>
      <c r="C150" s="12"/>
      <c r="D150" s="77"/>
      <c r="E150" s="77"/>
      <c r="F150" s="77"/>
    </row>
    <row r="151" spans="1:6" x14ac:dyDescent="0.2">
      <c r="A151" s="94"/>
      <c r="B151" s="95"/>
      <c r="C151" s="12"/>
      <c r="D151" s="77"/>
      <c r="E151" s="77"/>
      <c r="F151" s="77"/>
    </row>
    <row r="152" spans="1:6" x14ac:dyDescent="0.2">
      <c r="A152" s="94"/>
      <c r="B152" s="95"/>
      <c r="C152" s="12"/>
      <c r="D152" s="77"/>
      <c r="E152" s="77"/>
      <c r="F152" s="77"/>
    </row>
    <row r="153" spans="1:6" x14ac:dyDescent="0.2">
      <c r="A153" s="94"/>
      <c r="B153" s="95"/>
      <c r="C153" s="12"/>
      <c r="D153" s="77"/>
      <c r="E153" s="77"/>
      <c r="F153" s="77"/>
    </row>
    <row r="154" spans="1:6" x14ac:dyDescent="0.2">
      <c r="A154" s="94"/>
      <c r="B154" s="95"/>
      <c r="C154" s="12"/>
      <c r="D154" s="77"/>
      <c r="E154" s="77"/>
      <c r="F154" s="77"/>
    </row>
    <row r="155" spans="1:6" x14ac:dyDescent="0.2">
      <c r="A155" s="94"/>
      <c r="B155" s="95"/>
      <c r="C155" s="12"/>
      <c r="D155" s="77"/>
      <c r="E155" s="77"/>
      <c r="F155" s="77"/>
    </row>
    <row r="156" spans="1:6" x14ac:dyDescent="0.2">
      <c r="A156" s="94"/>
      <c r="B156" s="95"/>
      <c r="C156" s="12"/>
      <c r="D156" s="77"/>
      <c r="E156" s="77"/>
      <c r="F156" s="77"/>
    </row>
    <row r="157" spans="1:6" x14ac:dyDescent="0.2">
      <c r="A157" s="94"/>
      <c r="B157" s="95"/>
      <c r="C157" s="12"/>
      <c r="D157" s="77"/>
      <c r="E157" s="77"/>
      <c r="F157" s="77"/>
    </row>
    <row r="158" spans="1:6" x14ac:dyDescent="0.2">
      <c r="A158" s="94"/>
      <c r="B158" s="95"/>
      <c r="C158" s="12"/>
      <c r="D158" s="77"/>
      <c r="E158" s="77"/>
      <c r="F158" s="77"/>
    </row>
    <row r="159" spans="1:6" x14ac:dyDescent="0.2">
      <c r="A159" s="94"/>
      <c r="B159" s="95"/>
      <c r="C159" s="12"/>
      <c r="D159" s="77"/>
      <c r="E159" s="77"/>
      <c r="F159" s="77"/>
    </row>
    <row r="160" spans="1:6" x14ac:dyDescent="0.2">
      <c r="A160" s="94"/>
      <c r="B160" s="95"/>
      <c r="C160" s="12"/>
      <c r="D160" s="77"/>
      <c r="E160" s="77"/>
      <c r="F160" s="77"/>
    </row>
    <row r="161" spans="1:6" x14ac:dyDescent="0.2">
      <c r="A161" s="94"/>
      <c r="B161" s="95"/>
      <c r="C161" s="12"/>
      <c r="D161" s="77"/>
      <c r="E161" s="77"/>
      <c r="F161" s="77"/>
    </row>
    <row r="162" spans="1:6" x14ac:dyDescent="0.2">
      <c r="A162" s="94"/>
      <c r="B162" s="95"/>
      <c r="C162" s="12"/>
      <c r="D162" s="77"/>
      <c r="E162" s="77"/>
      <c r="F162" s="77"/>
    </row>
    <row r="163" spans="1:6" x14ac:dyDescent="0.2">
      <c r="A163" s="94"/>
      <c r="B163" s="95"/>
      <c r="C163" s="12"/>
      <c r="D163" s="77"/>
      <c r="E163" s="77"/>
      <c r="F163" s="77"/>
    </row>
    <row r="164" spans="1:6" x14ac:dyDescent="0.2">
      <c r="A164" s="94"/>
      <c r="B164" s="95"/>
      <c r="C164" s="12"/>
      <c r="D164" s="77"/>
      <c r="E164" s="77"/>
      <c r="F164" s="77"/>
    </row>
    <row r="165" spans="1:6" x14ac:dyDescent="0.2">
      <c r="A165" s="94"/>
      <c r="B165" s="95"/>
      <c r="C165" s="12"/>
      <c r="D165" s="77"/>
      <c r="E165" s="77"/>
      <c r="F165" s="77"/>
    </row>
    <row r="166" spans="1:6" x14ac:dyDescent="0.2">
      <c r="A166" s="94"/>
      <c r="B166" s="95"/>
      <c r="C166" s="12"/>
      <c r="D166" s="77"/>
      <c r="E166" s="77"/>
      <c r="F166" s="77"/>
    </row>
    <row r="167" spans="1:6" x14ac:dyDescent="0.2">
      <c r="A167" s="94"/>
      <c r="B167" s="95"/>
      <c r="C167" s="12"/>
      <c r="D167" s="77"/>
      <c r="E167" s="77"/>
      <c r="F167" s="77"/>
    </row>
    <row r="168" spans="1:6" x14ac:dyDescent="0.2">
      <c r="A168" s="94"/>
      <c r="B168" s="95"/>
      <c r="C168" s="12"/>
      <c r="D168" s="77"/>
      <c r="E168" s="77"/>
      <c r="F168" s="77"/>
    </row>
    <row r="169" spans="1:6" x14ac:dyDescent="0.2">
      <c r="A169" s="94"/>
      <c r="B169" s="95"/>
      <c r="C169" s="12"/>
      <c r="D169" s="77"/>
      <c r="E169" s="77"/>
      <c r="F169" s="77"/>
    </row>
    <row r="170" spans="1:6" x14ac:dyDescent="0.2">
      <c r="A170" s="94"/>
      <c r="B170" s="95"/>
      <c r="C170" s="12"/>
      <c r="D170" s="77"/>
      <c r="E170" s="77"/>
      <c r="F170" s="77"/>
    </row>
    <row r="171" spans="1:6" x14ac:dyDescent="0.2">
      <c r="A171" s="94"/>
      <c r="B171" s="95"/>
      <c r="C171" s="12"/>
      <c r="D171" s="77"/>
      <c r="E171" s="77"/>
      <c r="F171" s="77"/>
    </row>
    <row r="172" spans="1:6" x14ac:dyDescent="0.2">
      <c r="A172" s="94"/>
      <c r="B172" s="95"/>
      <c r="C172" s="12"/>
      <c r="D172" s="77"/>
      <c r="E172" s="77"/>
      <c r="F172" s="77"/>
    </row>
    <row r="173" spans="1:6" x14ac:dyDescent="0.2">
      <c r="A173" s="94"/>
      <c r="B173" s="95"/>
      <c r="C173" s="12"/>
      <c r="D173" s="77"/>
      <c r="E173" s="77"/>
      <c r="F173" s="77"/>
    </row>
    <row r="174" spans="1:6" x14ac:dyDescent="0.2">
      <c r="A174" s="94"/>
      <c r="B174" s="95"/>
      <c r="C174" s="12"/>
      <c r="D174" s="77"/>
      <c r="E174" s="77"/>
      <c r="F174" s="77"/>
    </row>
    <row r="175" spans="1:6" x14ac:dyDescent="0.2">
      <c r="A175" s="94"/>
      <c r="B175" s="95"/>
      <c r="C175" s="12"/>
      <c r="D175" s="77"/>
      <c r="E175" s="77"/>
      <c r="F175" s="77"/>
    </row>
    <row r="176" spans="1:6" x14ac:dyDescent="0.2">
      <c r="A176" s="94"/>
      <c r="B176" s="95"/>
      <c r="C176" s="12"/>
      <c r="D176" s="77"/>
      <c r="E176" s="77"/>
      <c r="F176" s="77"/>
    </row>
    <row r="177" spans="1:6" x14ac:dyDescent="0.2">
      <c r="A177" s="94"/>
      <c r="B177" s="95"/>
      <c r="C177" s="12"/>
      <c r="D177" s="77"/>
      <c r="E177" s="77"/>
      <c r="F177" s="77"/>
    </row>
    <row r="178" spans="1:6" x14ac:dyDescent="0.2">
      <c r="A178" s="94"/>
      <c r="B178" s="95"/>
      <c r="C178" s="12"/>
      <c r="D178" s="77"/>
      <c r="E178" s="77"/>
      <c r="F178" s="77"/>
    </row>
    <row r="179" spans="1:6" x14ac:dyDescent="0.2">
      <c r="A179" s="94"/>
      <c r="B179" s="95"/>
      <c r="C179" s="12"/>
      <c r="D179" s="77"/>
      <c r="E179" s="77"/>
      <c r="F179" s="77"/>
    </row>
    <row r="180" spans="1:6" x14ac:dyDescent="0.2">
      <c r="A180" s="94"/>
      <c r="B180" s="95"/>
      <c r="C180" s="12"/>
      <c r="D180" s="77"/>
      <c r="E180" s="77"/>
      <c r="F180" s="77"/>
    </row>
    <row r="181" spans="1:6" x14ac:dyDescent="0.2">
      <c r="A181" s="94"/>
      <c r="B181" s="95"/>
      <c r="C181" s="12"/>
      <c r="D181" s="77"/>
      <c r="E181" s="77"/>
      <c r="F181" s="77"/>
    </row>
    <row r="182" spans="1:6" x14ac:dyDescent="0.2">
      <c r="A182" s="94"/>
      <c r="B182" s="95"/>
      <c r="C182" s="12"/>
      <c r="D182" s="77"/>
      <c r="E182" s="77"/>
      <c r="F182" s="77"/>
    </row>
    <row r="183" spans="1:6" x14ac:dyDescent="0.2">
      <c r="A183" s="94"/>
      <c r="B183" s="95"/>
      <c r="C183" s="12"/>
      <c r="D183" s="77"/>
      <c r="E183" s="77"/>
      <c r="F183" s="77"/>
    </row>
    <row r="184" spans="1:6" x14ac:dyDescent="0.2">
      <c r="A184" s="94"/>
      <c r="B184" s="95"/>
      <c r="C184" s="12"/>
      <c r="D184" s="77"/>
      <c r="E184" s="77"/>
      <c r="F184" s="77"/>
    </row>
    <row r="185" spans="1:6" x14ac:dyDescent="0.2">
      <c r="A185" s="94"/>
      <c r="B185" s="95"/>
      <c r="C185" s="12"/>
      <c r="D185" s="77"/>
      <c r="E185" s="77"/>
      <c r="F185" s="77"/>
    </row>
    <row r="186" spans="1:6" x14ac:dyDescent="0.2">
      <c r="A186" s="94"/>
      <c r="B186" s="95"/>
      <c r="C186" s="12"/>
      <c r="D186" s="77"/>
      <c r="E186" s="77"/>
      <c r="F186" s="77"/>
    </row>
    <row r="187" spans="1:6" x14ac:dyDescent="0.2">
      <c r="A187" s="94"/>
      <c r="B187" s="95"/>
      <c r="C187" s="12"/>
      <c r="D187" s="77"/>
      <c r="E187" s="77"/>
      <c r="F187" s="77"/>
    </row>
    <row r="188" spans="1:6" x14ac:dyDescent="0.2">
      <c r="A188" s="94"/>
      <c r="B188" s="95"/>
      <c r="C188" s="12"/>
      <c r="D188" s="77"/>
      <c r="E188" s="77"/>
      <c r="F188" s="77"/>
    </row>
    <row r="189" spans="1:6" x14ac:dyDescent="0.2">
      <c r="A189" s="94"/>
      <c r="B189" s="95"/>
      <c r="C189" s="12"/>
      <c r="D189" s="77"/>
      <c r="E189" s="77"/>
      <c r="F189" s="77"/>
    </row>
    <row r="190" spans="1:6" x14ac:dyDescent="0.2">
      <c r="A190" s="94"/>
      <c r="B190" s="95"/>
      <c r="C190" s="12"/>
      <c r="D190" s="77"/>
      <c r="E190" s="77"/>
      <c r="F190" s="77"/>
    </row>
    <row r="191" spans="1:6" x14ac:dyDescent="0.2">
      <c r="A191" s="94"/>
      <c r="B191" s="95"/>
      <c r="C191" s="12"/>
      <c r="D191" s="77"/>
      <c r="E191" s="77"/>
      <c r="F191" s="77"/>
    </row>
    <row r="192" spans="1:6" x14ac:dyDescent="0.2">
      <c r="A192" s="94"/>
      <c r="B192" s="95"/>
      <c r="C192" s="12"/>
      <c r="D192" s="77"/>
      <c r="E192" s="77"/>
      <c r="F192" s="77"/>
    </row>
    <row r="193" spans="1:6" x14ac:dyDescent="0.2">
      <c r="A193" s="94"/>
      <c r="B193" s="95"/>
      <c r="C193" s="12"/>
      <c r="D193" s="77"/>
      <c r="E193" s="77"/>
      <c r="F193" s="77"/>
    </row>
    <row r="194" spans="1:6" x14ac:dyDescent="0.2">
      <c r="A194" s="94"/>
      <c r="B194" s="95"/>
      <c r="C194" s="12"/>
      <c r="D194" s="77"/>
      <c r="E194" s="77"/>
      <c r="F194" s="77"/>
    </row>
    <row r="195" spans="1:6" x14ac:dyDescent="0.2">
      <c r="A195" s="94"/>
      <c r="B195" s="95"/>
      <c r="C195" s="12"/>
      <c r="D195" s="77"/>
      <c r="E195" s="77"/>
      <c r="F195" s="77"/>
    </row>
    <row r="196" spans="1:6" x14ac:dyDescent="0.2">
      <c r="A196" s="94"/>
      <c r="B196" s="95"/>
      <c r="C196" s="12"/>
      <c r="D196" s="77"/>
      <c r="E196" s="77"/>
      <c r="F196" s="77"/>
    </row>
    <row r="197" spans="1:6" x14ac:dyDescent="0.2">
      <c r="A197" s="94"/>
      <c r="B197" s="95"/>
      <c r="C197" s="12"/>
      <c r="D197" s="77"/>
      <c r="E197" s="77"/>
      <c r="F197" s="77"/>
    </row>
    <row r="198" spans="1:6" x14ac:dyDescent="0.2">
      <c r="A198" s="94"/>
      <c r="B198" s="95"/>
      <c r="C198" s="12"/>
      <c r="D198" s="77"/>
      <c r="E198" s="77"/>
      <c r="F198" s="77"/>
    </row>
    <row r="199" spans="1:6" x14ac:dyDescent="0.2">
      <c r="A199" s="94"/>
      <c r="B199" s="95"/>
      <c r="C199" s="12"/>
      <c r="D199" s="77"/>
      <c r="E199" s="77"/>
      <c r="F199" s="77"/>
    </row>
    <row r="200" spans="1:6" x14ac:dyDescent="0.2">
      <c r="A200" s="94"/>
      <c r="B200" s="95"/>
      <c r="C200" s="12"/>
      <c r="D200" s="77"/>
      <c r="E200" s="77"/>
      <c r="F200" s="77"/>
    </row>
    <row r="201" spans="1:6" x14ac:dyDescent="0.2">
      <c r="A201" s="94"/>
      <c r="B201" s="95"/>
      <c r="C201" s="12"/>
      <c r="D201" s="77"/>
      <c r="E201" s="77"/>
      <c r="F201" s="77"/>
    </row>
    <row r="202" spans="1:6" x14ac:dyDescent="0.2">
      <c r="A202" s="94"/>
      <c r="B202" s="95"/>
      <c r="C202" s="12"/>
      <c r="D202" s="77"/>
      <c r="E202" s="77"/>
      <c r="F202" s="77"/>
    </row>
    <row r="203" spans="1:6" x14ac:dyDescent="0.2">
      <c r="A203" s="94"/>
      <c r="B203" s="95"/>
      <c r="C203" s="12"/>
      <c r="D203" s="77"/>
      <c r="E203" s="77"/>
      <c r="F203" s="77"/>
    </row>
    <row r="204" spans="1:6" x14ac:dyDescent="0.2">
      <c r="A204" s="94"/>
      <c r="B204" s="95"/>
      <c r="C204" s="12"/>
      <c r="D204" s="77"/>
      <c r="E204" s="77"/>
      <c r="F204" s="77"/>
    </row>
    <row r="205" spans="1:6" x14ac:dyDescent="0.2">
      <c r="A205" s="94"/>
      <c r="B205" s="95"/>
      <c r="C205" s="12"/>
      <c r="D205" s="77"/>
      <c r="E205" s="77"/>
      <c r="F205" s="77"/>
    </row>
    <row r="206" spans="1:6" x14ac:dyDescent="0.2">
      <c r="A206" s="94"/>
      <c r="B206" s="95"/>
      <c r="C206" s="12"/>
      <c r="D206" s="77"/>
      <c r="E206" s="77"/>
      <c r="F206" s="77"/>
    </row>
    <row r="207" spans="1:6" x14ac:dyDescent="0.2">
      <c r="A207" s="94"/>
      <c r="B207" s="95"/>
      <c r="C207" s="12"/>
      <c r="D207" s="77"/>
      <c r="E207" s="77"/>
      <c r="F207" s="77"/>
    </row>
    <row r="208" spans="1:6" x14ac:dyDescent="0.2">
      <c r="A208" s="94"/>
      <c r="B208" s="95"/>
      <c r="C208" s="12"/>
      <c r="D208" s="77"/>
      <c r="E208" s="77"/>
      <c r="F208" s="77"/>
    </row>
    <row r="209" spans="1:6" x14ac:dyDescent="0.2">
      <c r="A209" s="94"/>
      <c r="B209" s="95"/>
      <c r="C209" s="12"/>
      <c r="D209" s="77"/>
      <c r="E209" s="77"/>
      <c r="F209" s="77"/>
    </row>
    <row r="210" spans="1:6" x14ac:dyDescent="0.2">
      <c r="A210" s="94"/>
      <c r="B210" s="95"/>
      <c r="C210" s="12"/>
      <c r="D210" s="77"/>
      <c r="E210" s="77"/>
      <c r="F210" s="77"/>
    </row>
    <row r="211" spans="1:6" x14ac:dyDescent="0.2">
      <c r="A211" s="94"/>
      <c r="B211" s="95"/>
      <c r="C211" s="12"/>
      <c r="D211" s="77"/>
      <c r="E211" s="77"/>
      <c r="F211" s="77"/>
    </row>
    <row r="212" spans="1:6" x14ac:dyDescent="0.2">
      <c r="A212" s="94"/>
      <c r="B212" s="95"/>
      <c r="C212" s="12"/>
      <c r="D212" s="77"/>
      <c r="E212" s="77"/>
      <c r="F212" s="77"/>
    </row>
    <row r="213" spans="1:6" x14ac:dyDescent="0.2">
      <c r="A213" s="94"/>
      <c r="B213" s="95"/>
      <c r="C213" s="12"/>
      <c r="D213" s="77"/>
      <c r="E213" s="77"/>
      <c r="F213" s="77"/>
    </row>
    <row r="214" spans="1:6" x14ac:dyDescent="0.2">
      <c r="A214" s="94"/>
      <c r="B214" s="95"/>
      <c r="C214" s="12"/>
      <c r="D214" s="77"/>
      <c r="E214" s="77"/>
      <c r="F214" s="77"/>
    </row>
    <row r="215" spans="1:6" x14ac:dyDescent="0.2">
      <c r="A215" s="94"/>
      <c r="B215" s="95"/>
      <c r="C215" s="12"/>
      <c r="D215" s="77"/>
      <c r="E215" s="77"/>
      <c r="F215" s="77"/>
    </row>
    <row r="216" spans="1:6" x14ac:dyDescent="0.2">
      <c r="A216" s="94"/>
      <c r="B216" s="95"/>
      <c r="C216" s="12"/>
      <c r="D216" s="77"/>
      <c r="E216" s="77"/>
      <c r="F216" s="77"/>
    </row>
    <row r="217" spans="1:6" x14ac:dyDescent="0.2">
      <c r="A217" s="94"/>
      <c r="B217" s="95"/>
      <c r="C217" s="12"/>
      <c r="D217" s="77"/>
      <c r="E217" s="77"/>
      <c r="F217" s="77"/>
    </row>
    <row r="218" spans="1:6" x14ac:dyDescent="0.2">
      <c r="A218" s="94"/>
      <c r="B218" s="95"/>
      <c r="C218" s="12"/>
      <c r="D218" s="77"/>
      <c r="E218" s="77"/>
      <c r="F218" s="77"/>
    </row>
    <row r="219" spans="1:6" x14ac:dyDescent="0.2">
      <c r="A219" s="94"/>
      <c r="B219" s="95"/>
      <c r="C219" s="12"/>
      <c r="D219" s="77"/>
      <c r="E219" s="77"/>
      <c r="F219" s="77"/>
    </row>
    <row r="220" spans="1:6" x14ac:dyDescent="0.2">
      <c r="A220" s="94"/>
      <c r="B220" s="95"/>
      <c r="C220" s="12"/>
      <c r="D220" s="77"/>
      <c r="E220" s="77"/>
      <c r="F220" s="77"/>
    </row>
    <row r="221" spans="1:6" x14ac:dyDescent="0.2">
      <c r="A221" s="94"/>
      <c r="B221" s="95"/>
      <c r="C221" s="12"/>
      <c r="D221" s="77"/>
      <c r="E221" s="77"/>
      <c r="F221" s="77"/>
    </row>
    <row r="222" spans="1:6" x14ac:dyDescent="0.2">
      <c r="A222" s="94"/>
      <c r="B222" s="95"/>
      <c r="C222" s="12"/>
      <c r="D222" s="77"/>
      <c r="E222" s="77"/>
      <c r="F222" s="77"/>
    </row>
    <row r="223" spans="1:6" x14ac:dyDescent="0.2">
      <c r="A223" s="94"/>
      <c r="B223" s="95"/>
      <c r="C223" s="12"/>
      <c r="D223" s="77"/>
      <c r="E223" s="77"/>
      <c r="F223" s="77"/>
    </row>
    <row r="224" spans="1:6" x14ac:dyDescent="0.2">
      <c r="A224" s="94"/>
      <c r="B224" s="95"/>
      <c r="C224" s="12"/>
      <c r="D224" s="77"/>
      <c r="E224" s="77"/>
      <c r="F224" s="77"/>
    </row>
    <row r="225" spans="1:6" x14ac:dyDescent="0.2">
      <c r="A225" s="94"/>
      <c r="B225" s="95"/>
      <c r="C225" s="12"/>
      <c r="D225" s="77"/>
      <c r="E225" s="77"/>
      <c r="F225" s="77"/>
    </row>
    <row r="226" spans="1:6" x14ac:dyDescent="0.2">
      <c r="A226" s="94"/>
      <c r="B226" s="95"/>
      <c r="C226" s="12"/>
      <c r="D226" s="77"/>
      <c r="E226" s="77"/>
      <c r="F226" s="77"/>
    </row>
    <row r="227" spans="1:6" x14ac:dyDescent="0.2">
      <c r="A227" s="94"/>
      <c r="B227" s="95"/>
      <c r="C227" s="12"/>
      <c r="D227" s="77"/>
      <c r="E227" s="77"/>
      <c r="F227" s="77"/>
    </row>
    <row r="228" spans="1:6" x14ac:dyDescent="0.2">
      <c r="A228" s="94"/>
      <c r="B228" s="95"/>
      <c r="C228" s="12"/>
      <c r="D228" s="77"/>
      <c r="E228" s="77"/>
      <c r="F228" s="77"/>
    </row>
    <row r="229" spans="1:6" x14ac:dyDescent="0.2">
      <c r="A229" s="94"/>
      <c r="B229" s="95"/>
      <c r="C229" s="12"/>
      <c r="D229" s="77"/>
      <c r="E229" s="77"/>
      <c r="F229" s="77"/>
    </row>
    <row r="230" spans="1:6" x14ac:dyDescent="0.2">
      <c r="A230" s="94"/>
      <c r="B230" s="95"/>
      <c r="C230" s="12"/>
      <c r="D230" s="77"/>
      <c r="E230" s="77"/>
      <c r="F230" s="77"/>
    </row>
    <row r="231" spans="1:6" x14ac:dyDescent="0.2">
      <c r="A231" s="94"/>
      <c r="B231" s="95"/>
      <c r="C231" s="12"/>
      <c r="D231" s="77"/>
      <c r="E231" s="77"/>
      <c r="F231" s="77"/>
    </row>
    <row r="232" spans="1:6" x14ac:dyDescent="0.2">
      <c r="A232" s="94"/>
      <c r="B232" s="95"/>
      <c r="C232" s="12"/>
      <c r="D232" s="77"/>
      <c r="E232" s="77"/>
      <c r="F232" s="77"/>
    </row>
    <row r="233" spans="1:6" x14ac:dyDescent="0.2">
      <c r="A233" s="94"/>
      <c r="B233" s="95"/>
      <c r="C233" s="12"/>
      <c r="D233" s="77"/>
      <c r="E233" s="77"/>
      <c r="F233" s="77"/>
    </row>
    <row r="234" spans="1:6" x14ac:dyDescent="0.2">
      <c r="A234" s="94"/>
      <c r="B234" s="95"/>
      <c r="C234" s="12"/>
      <c r="D234" s="77"/>
      <c r="E234" s="77"/>
      <c r="F234" s="77"/>
    </row>
    <row r="235" spans="1:6" x14ac:dyDescent="0.2">
      <c r="A235" s="94"/>
      <c r="B235" s="95"/>
      <c r="C235" s="12"/>
      <c r="D235" s="77"/>
      <c r="E235" s="77"/>
      <c r="F235" s="77"/>
    </row>
    <row r="236" spans="1:6" x14ac:dyDescent="0.2">
      <c r="A236" s="94"/>
      <c r="B236" s="95"/>
      <c r="C236" s="12"/>
      <c r="D236" s="77"/>
      <c r="E236" s="77"/>
      <c r="F236" s="77"/>
    </row>
    <row r="237" spans="1:6" x14ac:dyDescent="0.2">
      <c r="A237" s="94"/>
      <c r="B237" s="95"/>
      <c r="C237" s="12"/>
      <c r="D237" s="77"/>
      <c r="E237" s="77"/>
      <c r="F237" s="77"/>
    </row>
    <row r="238" spans="1:6" x14ac:dyDescent="0.2">
      <c r="A238" s="94"/>
      <c r="B238" s="95"/>
      <c r="C238" s="12"/>
      <c r="D238" s="77"/>
      <c r="E238" s="77"/>
      <c r="F238" s="77"/>
    </row>
    <row r="239" spans="1:6" x14ac:dyDescent="0.2">
      <c r="A239" s="94"/>
      <c r="B239" s="95"/>
      <c r="C239" s="12"/>
      <c r="D239" s="77"/>
      <c r="E239" s="77"/>
      <c r="F239" s="77"/>
    </row>
    <row r="240" spans="1:6" x14ac:dyDescent="0.2">
      <c r="A240" s="94"/>
      <c r="B240" s="95"/>
      <c r="C240" s="12"/>
      <c r="D240" s="77"/>
      <c r="E240" s="77"/>
      <c r="F240" s="77"/>
    </row>
    <row r="241" spans="1:6" x14ac:dyDescent="0.2">
      <c r="A241" s="94"/>
      <c r="B241" s="95"/>
      <c r="C241" s="12"/>
      <c r="D241" s="77"/>
      <c r="E241" s="77"/>
      <c r="F241" s="77"/>
    </row>
    <row r="242" spans="1:6" x14ac:dyDescent="0.2">
      <c r="A242" s="94"/>
      <c r="B242" s="95"/>
      <c r="C242" s="12"/>
      <c r="D242" s="77"/>
      <c r="E242" s="77"/>
      <c r="F242" s="77"/>
    </row>
    <row r="243" spans="1:6" x14ac:dyDescent="0.2">
      <c r="A243" s="94"/>
      <c r="B243" s="95"/>
      <c r="C243" s="12"/>
      <c r="D243" s="77"/>
      <c r="E243" s="77"/>
      <c r="F243" s="77"/>
    </row>
    <row r="244" spans="1:6" x14ac:dyDescent="0.2">
      <c r="A244" s="94"/>
      <c r="B244" s="95"/>
      <c r="C244" s="12"/>
      <c r="D244" s="77"/>
      <c r="E244" s="77"/>
      <c r="F244" s="77"/>
    </row>
    <row r="245" spans="1:6" x14ac:dyDescent="0.2">
      <c r="A245" s="94"/>
      <c r="B245" s="95"/>
      <c r="C245" s="12"/>
      <c r="D245" s="77"/>
      <c r="E245" s="77"/>
      <c r="F245" s="77"/>
    </row>
    <row r="246" spans="1:6" x14ac:dyDescent="0.2">
      <c r="A246" s="94"/>
      <c r="B246" s="95"/>
      <c r="C246" s="12"/>
      <c r="D246" s="77"/>
      <c r="E246" s="77"/>
      <c r="F246" s="77"/>
    </row>
    <row r="247" spans="1:6" x14ac:dyDescent="0.2">
      <c r="A247" s="94"/>
      <c r="B247" s="95"/>
      <c r="C247" s="12"/>
      <c r="D247" s="77"/>
      <c r="E247" s="77"/>
      <c r="F247" s="77"/>
    </row>
    <row r="248" spans="1:6" x14ac:dyDescent="0.2">
      <c r="A248" s="94"/>
      <c r="B248" s="95"/>
      <c r="C248" s="12"/>
      <c r="D248" s="77"/>
      <c r="E248" s="77"/>
      <c r="F248" s="77"/>
    </row>
    <row r="249" spans="1:6" x14ac:dyDescent="0.2">
      <c r="A249" s="94"/>
      <c r="B249" s="95"/>
      <c r="C249" s="12"/>
      <c r="D249" s="77"/>
      <c r="E249" s="77"/>
      <c r="F249" s="77"/>
    </row>
    <row r="250" spans="1:6" x14ac:dyDescent="0.2">
      <c r="A250" s="94"/>
      <c r="B250" s="95"/>
      <c r="C250" s="12"/>
      <c r="D250" s="77"/>
      <c r="E250" s="77"/>
      <c r="F250" s="77"/>
    </row>
    <row r="251" spans="1:6" x14ac:dyDescent="0.2">
      <c r="A251" s="94"/>
      <c r="B251" s="95"/>
      <c r="C251" s="12"/>
      <c r="D251" s="77"/>
      <c r="E251" s="77"/>
      <c r="F251" s="77"/>
    </row>
    <row r="252" spans="1:6" x14ac:dyDescent="0.2">
      <c r="A252" s="94"/>
      <c r="B252" s="95"/>
      <c r="C252" s="12"/>
      <c r="D252" s="77"/>
      <c r="E252" s="77"/>
      <c r="F252" s="77"/>
    </row>
    <row r="253" spans="1:6" x14ac:dyDescent="0.2">
      <c r="A253" s="94"/>
      <c r="B253" s="95"/>
      <c r="C253" s="12"/>
      <c r="D253" s="77"/>
      <c r="E253" s="77"/>
      <c r="F253" s="77"/>
    </row>
    <row r="254" spans="1:6" x14ac:dyDescent="0.2">
      <c r="A254" s="94"/>
      <c r="B254" s="95"/>
      <c r="C254" s="12"/>
      <c r="D254" s="77"/>
      <c r="E254" s="77"/>
      <c r="F254" s="77"/>
    </row>
    <row r="255" spans="1:6" x14ac:dyDescent="0.2">
      <c r="A255" s="94"/>
      <c r="B255" s="95"/>
      <c r="C255" s="12"/>
      <c r="D255" s="77"/>
      <c r="E255" s="77"/>
      <c r="F255" s="77"/>
    </row>
    <row r="256" spans="1:6" x14ac:dyDescent="0.2">
      <c r="A256" s="94"/>
      <c r="B256" s="95"/>
      <c r="C256" s="12"/>
      <c r="D256" s="77"/>
      <c r="E256" s="77"/>
      <c r="F256" s="77"/>
    </row>
    <row r="257" spans="1:6" x14ac:dyDescent="0.2">
      <c r="A257" s="94"/>
      <c r="B257" s="95"/>
      <c r="C257" s="12"/>
      <c r="D257" s="77"/>
      <c r="E257" s="77"/>
      <c r="F257" s="77"/>
    </row>
    <row r="258" spans="1:6" x14ac:dyDescent="0.2">
      <c r="A258" s="94"/>
      <c r="B258" s="95"/>
      <c r="C258" s="12"/>
      <c r="D258" s="77"/>
      <c r="E258" s="77"/>
      <c r="F258" s="77"/>
    </row>
    <row r="259" spans="1:6" x14ac:dyDescent="0.2">
      <c r="A259" s="94"/>
      <c r="B259" s="95"/>
      <c r="C259" s="12"/>
      <c r="D259" s="77"/>
      <c r="E259" s="77"/>
      <c r="F259" s="77"/>
    </row>
    <row r="260" spans="1:6" x14ac:dyDescent="0.2">
      <c r="A260" s="94"/>
      <c r="B260" s="95"/>
      <c r="C260" s="12"/>
      <c r="D260" s="77"/>
      <c r="E260" s="77"/>
      <c r="F260" s="77"/>
    </row>
    <row r="261" spans="1:6" x14ac:dyDescent="0.2">
      <c r="A261" s="94"/>
      <c r="B261" s="95"/>
      <c r="C261" s="12"/>
      <c r="D261" s="77"/>
      <c r="E261" s="77"/>
      <c r="F261" s="77"/>
    </row>
    <row r="262" spans="1:6" x14ac:dyDescent="0.2">
      <c r="A262" s="94"/>
      <c r="B262" s="95"/>
      <c r="C262" s="12"/>
      <c r="D262" s="77"/>
      <c r="E262" s="77"/>
      <c r="F262" s="77"/>
    </row>
    <row r="263" spans="1:6" x14ac:dyDescent="0.2">
      <c r="A263" s="94"/>
      <c r="B263" s="95"/>
      <c r="C263" s="12"/>
      <c r="D263" s="77"/>
      <c r="E263" s="77"/>
      <c r="F263" s="77"/>
    </row>
    <row r="264" spans="1:6" x14ac:dyDescent="0.2">
      <c r="A264" s="94"/>
      <c r="B264" s="95"/>
      <c r="C264" s="12"/>
      <c r="D264" s="77"/>
      <c r="E264" s="77"/>
      <c r="F264" s="77"/>
    </row>
    <row r="265" spans="1:6" x14ac:dyDescent="0.2">
      <c r="A265" s="94"/>
      <c r="B265" s="95"/>
      <c r="C265" s="12"/>
      <c r="D265" s="77"/>
      <c r="E265" s="77"/>
      <c r="F265" s="77"/>
    </row>
    <row r="266" spans="1:6" x14ac:dyDescent="0.2">
      <c r="A266" s="94"/>
      <c r="B266" s="95"/>
      <c r="C266" s="12"/>
      <c r="D266" s="77"/>
      <c r="E266" s="77"/>
      <c r="F266" s="77"/>
    </row>
    <row r="267" spans="1:6" x14ac:dyDescent="0.2">
      <c r="A267" s="94"/>
      <c r="B267" s="95"/>
      <c r="C267" s="12"/>
      <c r="D267" s="77"/>
      <c r="E267" s="77"/>
      <c r="F267" s="77"/>
    </row>
    <row r="268" spans="1:6" x14ac:dyDescent="0.2">
      <c r="A268" s="94"/>
      <c r="B268" s="95"/>
      <c r="C268" s="12"/>
      <c r="D268" s="77"/>
      <c r="E268" s="77"/>
      <c r="F268" s="77"/>
    </row>
    <row r="269" spans="1:6" x14ac:dyDescent="0.2">
      <c r="A269" s="94"/>
      <c r="B269" s="95"/>
      <c r="C269" s="12"/>
      <c r="D269" s="77"/>
      <c r="E269" s="77"/>
      <c r="F269" s="77"/>
    </row>
    <row r="270" spans="1:6" x14ac:dyDescent="0.2">
      <c r="A270" s="94"/>
      <c r="B270" s="95"/>
      <c r="C270" s="12"/>
      <c r="D270" s="77"/>
      <c r="E270" s="77"/>
      <c r="F270" s="77"/>
    </row>
    <row r="271" spans="1:6" x14ac:dyDescent="0.2">
      <c r="A271" s="94"/>
      <c r="B271" s="95"/>
      <c r="C271" s="12"/>
      <c r="D271" s="77"/>
      <c r="E271" s="77"/>
      <c r="F271" s="77"/>
    </row>
    <row r="272" spans="1:6" x14ac:dyDescent="0.2">
      <c r="A272" s="94"/>
      <c r="B272" s="95"/>
      <c r="C272" s="12"/>
      <c r="D272" s="77"/>
      <c r="E272" s="77"/>
      <c r="F272" s="77"/>
    </row>
    <row r="273" spans="1:6" x14ac:dyDescent="0.2">
      <c r="A273" s="94"/>
      <c r="B273" s="95"/>
      <c r="C273" s="12"/>
      <c r="D273" s="77"/>
      <c r="E273" s="77"/>
      <c r="F273" s="77"/>
    </row>
    <row r="274" spans="1:6" x14ac:dyDescent="0.2">
      <c r="A274" s="94"/>
      <c r="B274" s="95"/>
      <c r="C274" s="12"/>
      <c r="D274" s="77"/>
      <c r="E274" s="77"/>
      <c r="F274" s="77"/>
    </row>
    <row r="275" spans="1:6" x14ac:dyDescent="0.2">
      <c r="A275" s="94"/>
      <c r="B275" s="95"/>
      <c r="C275" s="12"/>
      <c r="D275" s="77"/>
      <c r="E275" s="77"/>
      <c r="F275" s="77"/>
    </row>
    <row r="276" spans="1:6" x14ac:dyDescent="0.2">
      <c r="A276" s="94"/>
      <c r="B276" s="95"/>
      <c r="C276" s="12"/>
      <c r="D276" s="77"/>
      <c r="E276" s="77"/>
      <c r="F276" s="77"/>
    </row>
    <row r="277" spans="1:6" x14ac:dyDescent="0.2">
      <c r="A277" s="94"/>
      <c r="B277" s="95"/>
      <c r="C277" s="12"/>
      <c r="D277" s="77"/>
      <c r="E277" s="77"/>
      <c r="F277" s="77"/>
    </row>
    <row r="278" spans="1:6" x14ac:dyDescent="0.2">
      <c r="A278" s="94"/>
      <c r="B278" s="95"/>
      <c r="C278" s="12"/>
      <c r="D278" s="77"/>
      <c r="E278" s="77"/>
      <c r="F278" s="77"/>
    </row>
    <row r="279" spans="1:6" x14ac:dyDescent="0.2">
      <c r="A279" s="94"/>
      <c r="B279" s="95"/>
      <c r="C279" s="12"/>
      <c r="D279" s="77"/>
      <c r="E279" s="77"/>
      <c r="F279" s="77"/>
    </row>
    <row r="280" spans="1:6" x14ac:dyDescent="0.2">
      <c r="A280" s="94"/>
      <c r="B280" s="95"/>
      <c r="C280" s="12"/>
      <c r="D280" s="77"/>
      <c r="E280" s="77"/>
      <c r="F280" s="77"/>
    </row>
    <row r="281" spans="1:6" x14ac:dyDescent="0.2">
      <c r="A281" s="94"/>
      <c r="B281" s="95"/>
      <c r="C281" s="12"/>
      <c r="D281" s="77"/>
      <c r="E281" s="77"/>
      <c r="F281" s="77"/>
    </row>
    <row r="282" spans="1:6" x14ac:dyDescent="0.2">
      <c r="A282" s="94"/>
      <c r="B282" s="95"/>
      <c r="C282" s="12"/>
      <c r="D282" s="77"/>
      <c r="E282" s="77"/>
      <c r="F282" s="77"/>
    </row>
    <row r="283" spans="1:6" x14ac:dyDescent="0.2">
      <c r="A283" s="94"/>
      <c r="B283" s="95"/>
      <c r="C283" s="12"/>
      <c r="D283" s="77"/>
      <c r="E283" s="77"/>
      <c r="F283" s="77"/>
    </row>
    <row r="284" spans="1:6" x14ac:dyDescent="0.2">
      <c r="A284" s="94"/>
      <c r="B284" s="95"/>
      <c r="C284" s="12"/>
      <c r="D284" s="77"/>
      <c r="E284" s="77"/>
      <c r="F284" s="77"/>
    </row>
    <row r="285" spans="1:6" x14ac:dyDescent="0.2">
      <c r="A285" s="94"/>
      <c r="B285" s="95"/>
      <c r="C285" s="12"/>
      <c r="D285" s="77"/>
      <c r="E285" s="77"/>
      <c r="F285" s="77"/>
    </row>
    <row r="286" spans="1:6" x14ac:dyDescent="0.2">
      <c r="A286" s="94"/>
      <c r="B286" s="95"/>
      <c r="C286" s="12"/>
      <c r="D286" s="77"/>
      <c r="E286" s="77"/>
      <c r="F286" s="77"/>
    </row>
    <row r="287" spans="1:6" x14ac:dyDescent="0.2">
      <c r="A287" s="94"/>
      <c r="B287" s="95"/>
      <c r="C287" s="12"/>
      <c r="D287" s="77"/>
      <c r="E287" s="77"/>
      <c r="F287" s="77"/>
    </row>
    <row r="288" spans="1:6" x14ac:dyDescent="0.2">
      <c r="A288" s="94"/>
      <c r="B288" s="95"/>
      <c r="C288" s="12"/>
      <c r="D288" s="77"/>
      <c r="E288" s="77"/>
      <c r="F288" s="77"/>
    </row>
    <row r="289" spans="1:6" x14ac:dyDescent="0.2">
      <c r="A289" s="94"/>
      <c r="B289" s="95"/>
      <c r="C289" s="12"/>
      <c r="D289" s="77"/>
      <c r="E289" s="77"/>
      <c r="F289" s="77"/>
    </row>
    <row r="290" spans="1:6" x14ac:dyDescent="0.2">
      <c r="A290" s="94"/>
      <c r="B290" s="95"/>
      <c r="C290" s="12"/>
      <c r="D290" s="77"/>
      <c r="E290" s="77"/>
      <c r="F290" s="77"/>
    </row>
    <row r="291" spans="1:6" x14ac:dyDescent="0.2">
      <c r="A291" s="94"/>
      <c r="B291" s="95"/>
      <c r="C291" s="12"/>
      <c r="D291" s="77"/>
      <c r="E291" s="77"/>
      <c r="F291" s="77"/>
    </row>
    <row r="292" spans="1:6" x14ac:dyDescent="0.2">
      <c r="A292" s="94"/>
      <c r="B292" s="95"/>
      <c r="C292" s="12"/>
      <c r="D292" s="77"/>
      <c r="E292" s="77"/>
      <c r="F292" s="77"/>
    </row>
    <row r="293" spans="1:6" x14ac:dyDescent="0.2">
      <c r="A293" s="94"/>
      <c r="B293" s="95"/>
      <c r="C293" s="12"/>
      <c r="D293" s="77"/>
      <c r="E293" s="77"/>
      <c r="F293" s="77"/>
    </row>
    <row r="294" spans="1:6" x14ac:dyDescent="0.2">
      <c r="A294" s="94"/>
      <c r="B294" s="95"/>
      <c r="C294" s="12"/>
      <c r="D294" s="77"/>
      <c r="E294" s="77"/>
      <c r="F294" s="77"/>
    </row>
    <row r="295" spans="1:6" x14ac:dyDescent="0.2">
      <c r="A295" s="94"/>
      <c r="B295" s="95"/>
      <c r="C295" s="12"/>
      <c r="D295" s="77"/>
      <c r="E295" s="77"/>
      <c r="F295" s="77"/>
    </row>
    <row r="296" spans="1:6" x14ac:dyDescent="0.2">
      <c r="A296" s="94"/>
      <c r="B296" s="95"/>
      <c r="C296" s="12"/>
      <c r="D296" s="77"/>
      <c r="E296" s="77"/>
      <c r="F296" s="77"/>
    </row>
    <row r="297" spans="1:6" x14ac:dyDescent="0.2">
      <c r="A297" s="94"/>
      <c r="B297" s="95"/>
      <c r="C297" s="12"/>
      <c r="D297" s="77"/>
      <c r="E297" s="77"/>
      <c r="F297" s="77"/>
    </row>
    <row r="298" spans="1:6" x14ac:dyDescent="0.2">
      <c r="A298" s="94"/>
      <c r="B298" s="95"/>
      <c r="C298" s="12"/>
      <c r="D298" s="77"/>
      <c r="E298" s="77"/>
      <c r="F298" s="77"/>
    </row>
    <row r="299" spans="1:6" x14ac:dyDescent="0.2">
      <c r="A299" s="94"/>
      <c r="B299" s="95"/>
      <c r="C299" s="12"/>
      <c r="D299" s="77"/>
      <c r="E299" s="77"/>
      <c r="F299" s="77"/>
    </row>
    <row r="300" spans="1:6" x14ac:dyDescent="0.2">
      <c r="A300" s="94"/>
      <c r="B300" s="95"/>
      <c r="C300" s="12"/>
      <c r="D300" s="77"/>
      <c r="E300" s="77"/>
      <c r="F300" s="77"/>
    </row>
    <row r="301" spans="1:6" x14ac:dyDescent="0.2">
      <c r="A301" s="94"/>
      <c r="B301" s="95"/>
      <c r="C301" s="12"/>
      <c r="D301" s="77"/>
      <c r="E301" s="77"/>
      <c r="F301" s="77"/>
    </row>
    <row r="302" spans="1:6" x14ac:dyDescent="0.2">
      <c r="A302" s="94"/>
      <c r="B302" s="95"/>
      <c r="C302" s="12"/>
      <c r="D302" s="77"/>
      <c r="E302" s="77"/>
      <c r="F302" s="77"/>
    </row>
    <row r="303" spans="1:6" x14ac:dyDescent="0.2">
      <c r="A303" s="94"/>
      <c r="B303" s="95"/>
      <c r="C303" s="12"/>
      <c r="D303" s="77"/>
      <c r="E303" s="77"/>
      <c r="F303" s="77"/>
    </row>
    <row r="304" spans="1:6" x14ac:dyDescent="0.2">
      <c r="A304" s="94"/>
      <c r="B304" s="95"/>
      <c r="C304" s="12"/>
      <c r="D304" s="77"/>
      <c r="E304" s="77"/>
      <c r="F304" s="77"/>
    </row>
    <row r="305" spans="1:6" x14ac:dyDescent="0.2">
      <c r="A305" s="94"/>
      <c r="B305" s="95"/>
      <c r="C305" s="12"/>
      <c r="D305" s="77"/>
      <c r="E305" s="77"/>
      <c r="F305" s="77"/>
    </row>
    <row r="306" spans="1:6" x14ac:dyDescent="0.2">
      <c r="A306" s="94"/>
      <c r="B306" s="95"/>
      <c r="C306" s="12"/>
      <c r="D306" s="77"/>
      <c r="E306" s="77"/>
      <c r="F306" s="77"/>
    </row>
    <row r="307" spans="1:6" x14ac:dyDescent="0.2">
      <c r="A307" s="94"/>
      <c r="B307" s="95"/>
      <c r="C307" s="12"/>
      <c r="D307" s="77"/>
      <c r="E307" s="77"/>
      <c r="F307" s="77"/>
    </row>
    <row r="308" spans="1:6" x14ac:dyDescent="0.2">
      <c r="A308" s="94"/>
      <c r="B308" s="95"/>
      <c r="C308" s="12"/>
      <c r="D308" s="77"/>
      <c r="E308" s="77"/>
      <c r="F308" s="77"/>
    </row>
    <row r="309" spans="1:6" x14ac:dyDescent="0.2">
      <c r="A309" s="94"/>
      <c r="B309" s="95"/>
      <c r="C309" s="12"/>
      <c r="D309" s="77"/>
      <c r="E309" s="77"/>
      <c r="F309" s="77"/>
    </row>
    <row r="310" spans="1:6" x14ac:dyDescent="0.2">
      <c r="A310" s="94"/>
      <c r="B310" s="95"/>
      <c r="C310" s="12"/>
      <c r="D310" s="77"/>
      <c r="E310" s="77"/>
      <c r="F310" s="77"/>
    </row>
    <row r="311" spans="1:6" x14ac:dyDescent="0.2">
      <c r="A311" s="94"/>
      <c r="B311" s="95"/>
      <c r="C311" s="12"/>
      <c r="D311" s="77"/>
      <c r="E311" s="77"/>
      <c r="F311" s="77"/>
    </row>
    <row r="312" spans="1:6" x14ac:dyDescent="0.2">
      <c r="A312" s="94"/>
      <c r="B312" s="95"/>
      <c r="C312" s="12"/>
      <c r="D312" s="77"/>
      <c r="E312" s="77"/>
      <c r="F312" s="77"/>
    </row>
    <row r="313" spans="1:6" x14ac:dyDescent="0.2">
      <c r="A313" s="94"/>
      <c r="B313" s="95"/>
      <c r="C313" s="12"/>
      <c r="D313" s="77"/>
      <c r="E313" s="77"/>
      <c r="F313" s="77"/>
    </row>
    <row r="314" spans="1:6" x14ac:dyDescent="0.2">
      <c r="A314" s="94"/>
      <c r="B314" s="95"/>
      <c r="C314" s="12"/>
      <c r="D314" s="77"/>
      <c r="E314" s="77"/>
      <c r="F314" s="77"/>
    </row>
    <row r="315" spans="1:6" x14ac:dyDescent="0.2">
      <c r="A315" s="94"/>
      <c r="B315" s="95"/>
      <c r="C315" s="12"/>
      <c r="D315" s="77"/>
      <c r="E315" s="77"/>
      <c r="F315" s="77"/>
    </row>
    <row r="316" spans="1:6" x14ac:dyDescent="0.2">
      <c r="A316" s="94"/>
      <c r="B316" s="95"/>
      <c r="C316" s="12"/>
      <c r="D316" s="77"/>
      <c r="E316" s="77"/>
      <c r="F316" s="77"/>
    </row>
    <row r="317" spans="1:6" x14ac:dyDescent="0.2">
      <c r="A317" s="94"/>
      <c r="B317" s="95"/>
      <c r="C317" s="12"/>
      <c r="D317" s="77"/>
      <c r="E317" s="77"/>
      <c r="F317" s="77"/>
    </row>
    <row r="318" spans="1:6" x14ac:dyDescent="0.2">
      <c r="A318" s="94"/>
      <c r="B318" s="95"/>
      <c r="C318" s="12"/>
      <c r="D318" s="77"/>
      <c r="E318" s="77"/>
      <c r="F318" s="77"/>
    </row>
    <row r="319" spans="1:6" x14ac:dyDescent="0.2">
      <c r="A319" s="94"/>
      <c r="B319" s="95"/>
      <c r="C319" s="12"/>
      <c r="D319" s="77"/>
      <c r="E319" s="77"/>
      <c r="F319" s="77"/>
    </row>
    <row r="320" spans="1:6" x14ac:dyDescent="0.2">
      <c r="A320" s="94"/>
      <c r="B320" s="95"/>
      <c r="C320" s="12"/>
      <c r="D320" s="77"/>
      <c r="E320" s="77"/>
      <c r="F320" s="77"/>
    </row>
    <row r="321" spans="1:6" x14ac:dyDescent="0.2">
      <c r="A321" s="94"/>
      <c r="B321" s="95"/>
      <c r="C321" s="12"/>
      <c r="D321" s="77"/>
      <c r="E321" s="77"/>
      <c r="F321" s="77"/>
    </row>
    <row r="322" spans="1:6" x14ac:dyDescent="0.2">
      <c r="A322" s="94"/>
      <c r="B322" s="95"/>
      <c r="C322" s="12"/>
      <c r="D322" s="77"/>
      <c r="E322" s="77"/>
      <c r="F322" s="77"/>
    </row>
    <row r="323" spans="1:6" x14ac:dyDescent="0.2">
      <c r="A323" s="94"/>
      <c r="B323" s="95"/>
      <c r="C323" s="12"/>
      <c r="D323" s="77"/>
      <c r="E323" s="77"/>
      <c r="F323" s="77"/>
    </row>
    <row r="324" spans="1:6" x14ac:dyDescent="0.2">
      <c r="A324" s="94"/>
      <c r="B324" s="95"/>
      <c r="C324" s="12"/>
      <c r="D324" s="77"/>
      <c r="E324" s="77"/>
      <c r="F324" s="77"/>
    </row>
    <row r="325" spans="1:6" x14ac:dyDescent="0.2">
      <c r="A325" s="94"/>
      <c r="B325" s="95"/>
      <c r="C325" s="12"/>
      <c r="D325" s="77"/>
      <c r="E325" s="77"/>
      <c r="F325" s="77"/>
    </row>
    <row r="326" spans="1:6" x14ac:dyDescent="0.2">
      <c r="A326" s="94"/>
      <c r="B326" s="95"/>
      <c r="C326" s="12"/>
      <c r="D326" s="77"/>
      <c r="E326" s="77"/>
      <c r="F326" s="77"/>
    </row>
    <row r="327" spans="1:6" x14ac:dyDescent="0.2">
      <c r="A327" s="94"/>
      <c r="B327" s="95"/>
      <c r="C327" s="12"/>
      <c r="D327" s="77"/>
      <c r="E327" s="77"/>
      <c r="F327" s="77"/>
    </row>
    <row r="328" spans="1:6" x14ac:dyDescent="0.2">
      <c r="A328" s="94"/>
      <c r="B328" s="95"/>
      <c r="C328" s="12"/>
      <c r="D328" s="77"/>
      <c r="E328" s="77"/>
      <c r="F328" s="77"/>
    </row>
    <row r="329" spans="1:6" x14ac:dyDescent="0.2">
      <c r="A329" s="94"/>
      <c r="B329" s="95"/>
      <c r="C329" s="12"/>
      <c r="D329" s="77"/>
      <c r="E329" s="77"/>
      <c r="F329" s="77"/>
    </row>
    <row r="330" spans="1:6" x14ac:dyDescent="0.2">
      <c r="A330" s="94"/>
      <c r="B330" s="95"/>
      <c r="C330" s="12"/>
      <c r="D330" s="77"/>
      <c r="E330" s="77"/>
      <c r="F330" s="77"/>
    </row>
    <row r="331" spans="1:6" x14ac:dyDescent="0.2">
      <c r="A331" s="94"/>
      <c r="B331" s="95"/>
      <c r="C331" s="12"/>
      <c r="D331" s="77"/>
      <c r="E331" s="77"/>
      <c r="F331" s="77"/>
    </row>
    <row r="332" spans="1:6" x14ac:dyDescent="0.2">
      <c r="A332" s="94"/>
      <c r="B332" s="95"/>
      <c r="C332" s="12"/>
      <c r="D332" s="77"/>
      <c r="E332" s="77"/>
      <c r="F332" s="77"/>
    </row>
    <row r="333" spans="1:6" x14ac:dyDescent="0.2">
      <c r="A333" s="94"/>
      <c r="B333" s="95"/>
      <c r="C333" s="12"/>
      <c r="D333" s="77"/>
      <c r="E333" s="77"/>
      <c r="F333" s="77"/>
    </row>
    <row r="334" spans="1:6" x14ac:dyDescent="0.2">
      <c r="A334" s="94"/>
      <c r="B334" s="95"/>
      <c r="C334" s="12"/>
      <c r="D334" s="77"/>
      <c r="E334" s="77"/>
      <c r="F334" s="77"/>
    </row>
    <row r="335" spans="1:6" x14ac:dyDescent="0.2">
      <c r="A335" s="94"/>
      <c r="B335" s="95"/>
      <c r="C335" s="12"/>
      <c r="D335" s="77"/>
      <c r="E335" s="77"/>
      <c r="F335" s="77"/>
    </row>
    <row r="336" spans="1:6" x14ac:dyDescent="0.2">
      <c r="A336" s="94"/>
      <c r="B336" s="95"/>
      <c r="C336" s="12"/>
      <c r="D336" s="77"/>
      <c r="E336" s="77"/>
      <c r="F336" s="77"/>
    </row>
    <row r="337" spans="1:6" x14ac:dyDescent="0.2">
      <c r="A337" s="94"/>
      <c r="B337" s="95"/>
      <c r="C337" s="12"/>
      <c r="D337" s="77"/>
      <c r="E337" s="77"/>
      <c r="F337" s="77"/>
    </row>
    <row r="338" spans="1:6" x14ac:dyDescent="0.2">
      <c r="A338" s="94"/>
      <c r="B338" s="95"/>
      <c r="C338" s="12"/>
      <c r="D338" s="77"/>
      <c r="E338" s="77"/>
      <c r="F338" s="77"/>
    </row>
    <row r="339" spans="1:6" x14ac:dyDescent="0.2">
      <c r="A339" s="94"/>
      <c r="B339" s="95"/>
      <c r="C339" s="12"/>
      <c r="D339" s="77"/>
      <c r="E339" s="77"/>
      <c r="F339" s="77"/>
    </row>
    <row r="340" spans="1:6" x14ac:dyDescent="0.2">
      <c r="A340" s="94"/>
      <c r="B340" s="95"/>
      <c r="C340" s="12"/>
      <c r="D340" s="77"/>
      <c r="E340" s="77"/>
      <c r="F340" s="77"/>
    </row>
    <row r="341" spans="1:6" x14ac:dyDescent="0.2">
      <c r="A341" s="94"/>
      <c r="B341" s="95"/>
      <c r="C341" s="12"/>
      <c r="D341" s="77"/>
      <c r="E341" s="77"/>
      <c r="F341" s="77"/>
    </row>
    <row r="342" spans="1:6" x14ac:dyDescent="0.2">
      <c r="A342" s="94"/>
      <c r="B342" s="95"/>
      <c r="C342" s="12"/>
      <c r="D342" s="77"/>
      <c r="E342" s="77"/>
      <c r="F342" s="77"/>
    </row>
    <row r="343" spans="1:6" x14ac:dyDescent="0.2">
      <c r="A343" s="94"/>
      <c r="B343" s="95"/>
      <c r="C343" s="12"/>
      <c r="D343" s="77"/>
      <c r="E343" s="77"/>
      <c r="F343" s="77"/>
    </row>
    <row r="344" spans="1:6" x14ac:dyDescent="0.2">
      <c r="A344" s="94"/>
      <c r="B344" s="95"/>
      <c r="C344" s="12"/>
      <c r="D344" s="77"/>
      <c r="E344" s="77"/>
      <c r="F344" s="77"/>
    </row>
    <row r="345" spans="1:6" x14ac:dyDescent="0.2">
      <c r="A345" s="94"/>
      <c r="B345" s="95"/>
      <c r="C345" s="12"/>
      <c r="D345" s="77"/>
      <c r="E345" s="77"/>
      <c r="F345" s="77"/>
    </row>
    <row r="346" spans="1:6" x14ac:dyDescent="0.2">
      <c r="A346" s="94"/>
      <c r="B346" s="95"/>
      <c r="C346" s="12"/>
      <c r="D346" s="77"/>
      <c r="E346" s="77"/>
      <c r="F346" s="77"/>
    </row>
    <row r="347" spans="1:6" x14ac:dyDescent="0.2">
      <c r="A347" s="94"/>
      <c r="B347" s="95"/>
      <c r="C347" s="12"/>
      <c r="D347" s="77"/>
      <c r="E347" s="77"/>
      <c r="F347" s="77"/>
    </row>
    <row r="348" spans="1:6" x14ac:dyDescent="0.2">
      <c r="A348" s="94"/>
      <c r="B348" s="95"/>
      <c r="C348" s="12"/>
      <c r="D348" s="77"/>
      <c r="E348" s="77"/>
      <c r="F348" s="77"/>
    </row>
    <row r="349" spans="1:6" x14ac:dyDescent="0.2">
      <c r="A349" s="94"/>
      <c r="B349" s="95"/>
      <c r="C349" s="12"/>
      <c r="D349" s="77"/>
      <c r="E349" s="77"/>
      <c r="F349" s="77"/>
    </row>
    <row r="350" spans="1:6" x14ac:dyDescent="0.2">
      <c r="A350" s="94"/>
      <c r="B350" s="95"/>
      <c r="C350" s="12"/>
      <c r="D350" s="77"/>
      <c r="E350" s="77"/>
      <c r="F350" s="77"/>
    </row>
    <row r="351" spans="1:6" x14ac:dyDescent="0.2">
      <c r="A351" s="94"/>
      <c r="B351" s="95"/>
      <c r="C351" s="12"/>
      <c r="D351" s="77"/>
      <c r="E351" s="77"/>
      <c r="F351" s="77"/>
    </row>
    <row r="352" spans="1:6" x14ac:dyDescent="0.2">
      <c r="A352" s="94"/>
      <c r="B352" s="95"/>
      <c r="C352" s="12"/>
      <c r="D352" s="77"/>
      <c r="E352" s="77"/>
      <c r="F352" s="77"/>
    </row>
    <row r="353" spans="1:6" x14ac:dyDescent="0.2">
      <c r="A353" s="94"/>
      <c r="B353" s="95"/>
      <c r="C353" s="12"/>
      <c r="D353" s="77"/>
      <c r="E353" s="77"/>
      <c r="F353" s="77"/>
    </row>
    <row r="354" spans="1:6" x14ac:dyDescent="0.2">
      <c r="A354" s="94"/>
      <c r="B354" s="95"/>
      <c r="C354" s="12"/>
      <c r="D354" s="77"/>
      <c r="E354" s="77"/>
      <c r="F354" s="77"/>
    </row>
    <row r="355" spans="1:6" x14ac:dyDescent="0.2">
      <c r="A355" s="94"/>
      <c r="B355" s="95"/>
      <c r="C355" s="12"/>
      <c r="D355" s="77"/>
      <c r="E355" s="77"/>
      <c r="F355" s="77"/>
    </row>
    <row r="356" spans="1:6" x14ac:dyDescent="0.2">
      <c r="A356" s="94"/>
      <c r="B356" s="95"/>
      <c r="C356" s="12"/>
      <c r="D356" s="77"/>
      <c r="E356" s="77"/>
      <c r="F356" s="77"/>
    </row>
    <row r="357" spans="1:6" x14ac:dyDescent="0.2">
      <c r="A357" s="94"/>
      <c r="B357" s="95"/>
      <c r="C357" s="12"/>
      <c r="D357" s="77"/>
      <c r="E357" s="77"/>
      <c r="F357" s="77"/>
    </row>
    <row r="358" spans="1:6" x14ac:dyDescent="0.2">
      <c r="A358" s="94"/>
      <c r="B358" s="95"/>
      <c r="C358" s="12"/>
      <c r="D358" s="77"/>
      <c r="E358" s="77"/>
      <c r="F358" s="77"/>
    </row>
    <row r="359" spans="1:6" x14ac:dyDescent="0.2">
      <c r="A359" s="94"/>
      <c r="B359" s="95"/>
      <c r="C359" s="12"/>
      <c r="D359" s="77"/>
      <c r="E359" s="77"/>
      <c r="F359" s="77"/>
    </row>
    <row r="360" spans="1:6" x14ac:dyDescent="0.2">
      <c r="A360" s="94"/>
      <c r="B360" s="95"/>
      <c r="C360" s="12"/>
      <c r="D360" s="77"/>
      <c r="E360" s="77"/>
      <c r="F360" s="77"/>
    </row>
    <row r="361" spans="1:6" x14ac:dyDescent="0.2">
      <c r="A361" s="94"/>
      <c r="B361" s="95"/>
      <c r="C361" s="12"/>
      <c r="D361" s="77"/>
      <c r="E361" s="77"/>
      <c r="F361" s="77"/>
    </row>
    <row r="362" spans="1:6" x14ac:dyDescent="0.2">
      <c r="A362" s="94"/>
      <c r="B362" s="95"/>
      <c r="C362" s="12"/>
      <c r="D362" s="77"/>
      <c r="E362" s="77"/>
      <c r="F362" s="77"/>
    </row>
    <row r="363" spans="1:6" x14ac:dyDescent="0.2">
      <c r="A363" s="94"/>
      <c r="B363" s="95"/>
      <c r="C363" s="12"/>
      <c r="D363" s="77"/>
      <c r="E363" s="77"/>
      <c r="F363" s="77"/>
    </row>
    <row r="364" spans="1:6" x14ac:dyDescent="0.2">
      <c r="A364" s="94"/>
      <c r="B364" s="95"/>
      <c r="C364" s="12"/>
      <c r="D364" s="77"/>
      <c r="E364" s="77"/>
      <c r="F364" s="77"/>
    </row>
    <row r="365" spans="1:6" x14ac:dyDescent="0.2">
      <c r="A365" s="94"/>
      <c r="B365" s="95"/>
      <c r="C365" s="12"/>
      <c r="D365" s="77"/>
      <c r="E365" s="77"/>
      <c r="F365" s="77"/>
    </row>
    <row r="366" spans="1:6" x14ac:dyDescent="0.2">
      <c r="A366" s="94"/>
      <c r="B366" s="95"/>
      <c r="C366" s="12"/>
      <c r="D366" s="77"/>
      <c r="E366" s="77"/>
      <c r="F366" s="77"/>
    </row>
    <row r="367" spans="1:6" x14ac:dyDescent="0.2">
      <c r="A367" s="94"/>
      <c r="B367" s="95"/>
      <c r="C367" s="12"/>
      <c r="D367" s="77"/>
      <c r="E367" s="77"/>
      <c r="F367" s="77"/>
    </row>
    <row r="368" spans="1:6" x14ac:dyDescent="0.2">
      <c r="A368" s="94"/>
      <c r="B368" s="95"/>
      <c r="C368" s="12"/>
      <c r="D368" s="77"/>
      <c r="E368" s="77"/>
      <c r="F368" s="77"/>
    </row>
    <row r="369" spans="1:6" x14ac:dyDescent="0.2">
      <c r="A369" s="94"/>
      <c r="B369" s="95"/>
      <c r="C369" s="12"/>
      <c r="D369" s="77"/>
      <c r="E369" s="77"/>
      <c r="F369" s="77"/>
    </row>
    <row r="370" spans="1:6" x14ac:dyDescent="0.2">
      <c r="A370" s="94"/>
      <c r="B370" s="95"/>
      <c r="C370" s="12"/>
      <c r="D370" s="77"/>
      <c r="E370" s="77"/>
      <c r="F370" s="77"/>
    </row>
    <row r="371" spans="1:6" x14ac:dyDescent="0.2">
      <c r="A371" s="94"/>
      <c r="B371" s="95"/>
      <c r="C371" s="12"/>
      <c r="D371" s="77"/>
      <c r="E371" s="77"/>
      <c r="F371" s="77"/>
    </row>
    <row r="372" spans="1:6" x14ac:dyDescent="0.2">
      <c r="A372" s="94"/>
      <c r="B372" s="95"/>
      <c r="C372" s="12"/>
      <c r="D372" s="77"/>
      <c r="E372" s="77"/>
      <c r="F372" s="77"/>
    </row>
    <row r="373" spans="1:6" x14ac:dyDescent="0.2">
      <c r="A373" s="94"/>
      <c r="B373" s="95"/>
      <c r="C373" s="12"/>
      <c r="D373" s="77"/>
      <c r="E373" s="77"/>
      <c r="F373" s="77"/>
    </row>
    <row r="374" spans="1:6" x14ac:dyDescent="0.2">
      <c r="A374" s="94"/>
      <c r="B374" s="95"/>
      <c r="C374" s="12"/>
      <c r="D374" s="77"/>
      <c r="E374" s="77"/>
      <c r="F374" s="77"/>
    </row>
    <row r="375" spans="1:6" x14ac:dyDescent="0.2">
      <c r="A375" s="94"/>
      <c r="B375" s="95"/>
      <c r="C375" s="12"/>
      <c r="D375" s="77"/>
      <c r="E375" s="77"/>
      <c r="F375" s="77"/>
    </row>
    <row r="376" spans="1:6" x14ac:dyDescent="0.2">
      <c r="A376" s="94"/>
      <c r="B376" s="95"/>
      <c r="C376" s="12"/>
      <c r="D376" s="77"/>
      <c r="E376" s="77"/>
      <c r="F376" s="77"/>
    </row>
    <row r="377" spans="1:6" x14ac:dyDescent="0.2">
      <c r="A377" s="94"/>
      <c r="B377" s="95"/>
      <c r="C377" s="12"/>
      <c r="D377" s="77"/>
      <c r="E377" s="77"/>
      <c r="F377" s="77"/>
    </row>
    <row r="378" spans="1:6" x14ac:dyDescent="0.2">
      <c r="A378" s="94"/>
      <c r="B378" s="95"/>
      <c r="C378" s="12"/>
      <c r="D378" s="77"/>
      <c r="E378" s="77"/>
      <c r="F378" s="77"/>
    </row>
    <row r="379" spans="1:6" x14ac:dyDescent="0.2">
      <c r="A379" s="94"/>
      <c r="B379" s="95"/>
      <c r="C379" s="12"/>
      <c r="D379" s="77"/>
      <c r="E379" s="77"/>
      <c r="F379" s="77"/>
    </row>
    <row r="380" spans="1:6" x14ac:dyDescent="0.2">
      <c r="A380" s="94"/>
      <c r="B380" s="95"/>
      <c r="C380" s="12"/>
      <c r="D380" s="77"/>
      <c r="E380" s="77"/>
      <c r="F380" s="77"/>
    </row>
    <row r="381" spans="1:6" x14ac:dyDescent="0.2">
      <c r="A381" s="94"/>
      <c r="B381" s="95"/>
      <c r="C381" s="12"/>
      <c r="D381" s="77"/>
      <c r="E381" s="77"/>
      <c r="F381" s="77"/>
    </row>
    <row r="382" spans="1:6" x14ac:dyDescent="0.2">
      <c r="A382" s="94"/>
      <c r="B382" s="95"/>
      <c r="C382" s="12"/>
      <c r="D382" s="77"/>
      <c r="E382" s="77"/>
      <c r="F382" s="77"/>
    </row>
    <row r="383" spans="1:6" x14ac:dyDescent="0.2">
      <c r="A383" s="94"/>
      <c r="B383" s="95"/>
      <c r="C383" s="12"/>
      <c r="D383" s="77"/>
      <c r="E383" s="77"/>
      <c r="F383" s="77"/>
    </row>
    <row r="384" spans="1:6" x14ac:dyDescent="0.2">
      <c r="A384" s="94"/>
      <c r="B384" s="95"/>
      <c r="C384" s="12"/>
      <c r="D384" s="77"/>
      <c r="E384" s="77"/>
      <c r="F384" s="77"/>
    </row>
    <row r="385" spans="1:6" x14ac:dyDescent="0.2">
      <c r="A385" s="94"/>
      <c r="B385" s="95"/>
      <c r="C385" s="12"/>
      <c r="D385" s="77"/>
      <c r="E385" s="77"/>
      <c r="F385" s="77"/>
    </row>
    <row r="386" spans="1:6" x14ac:dyDescent="0.2">
      <c r="A386" s="94"/>
      <c r="B386" s="95"/>
      <c r="C386" s="12"/>
      <c r="D386" s="77"/>
      <c r="E386" s="77"/>
      <c r="F386" s="77"/>
    </row>
    <row r="387" spans="1:6" x14ac:dyDescent="0.2">
      <c r="A387" s="94"/>
      <c r="B387" s="95"/>
      <c r="C387" s="12"/>
      <c r="D387" s="77"/>
      <c r="E387" s="77"/>
      <c r="F387" s="77"/>
    </row>
    <row r="388" spans="1:6" x14ac:dyDescent="0.2">
      <c r="A388" s="94"/>
      <c r="B388" s="95"/>
      <c r="C388" s="12"/>
      <c r="D388" s="77"/>
      <c r="E388" s="77"/>
      <c r="F388" s="77"/>
    </row>
    <row r="389" spans="1:6" x14ac:dyDescent="0.2">
      <c r="A389" s="94"/>
      <c r="B389" s="95"/>
      <c r="C389" s="12"/>
      <c r="D389" s="77"/>
      <c r="E389" s="77"/>
      <c r="F389" s="77"/>
    </row>
    <row r="390" spans="1:6" x14ac:dyDescent="0.2">
      <c r="A390" s="94"/>
      <c r="B390" s="95"/>
      <c r="C390" s="12"/>
      <c r="D390" s="77"/>
      <c r="E390" s="77"/>
      <c r="F390" s="77"/>
    </row>
    <row r="391" spans="1:6" x14ac:dyDescent="0.2">
      <c r="A391" s="94"/>
      <c r="B391" s="95"/>
      <c r="C391" s="12"/>
      <c r="D391" s="77"/>
      <c r="E391" s="77"/>
      <c r="F391" s="77"/>
    </row>
    <row r="392" spans="1:6" x14ac:dyDescent="0.2">
      <c r="A392" s="94"/>
      <c r="B392" s="95"/>
      <c r="C392" s="12"/>
      <c r="D392" s="77"/>
      <c r="E392" s="77"/>
      <c r="F392" s="77"/>
    </row>
    <row r="393" spans="1:6" x14ac:dyDescent="0.2">
      <c r="A393" s="94"/>
      <c r="B393" s="95"/>
      <c r="C393" s="12"/>
      <c r="D393" s="77"/>
      <c r="E393" s="77"/>
      <c r="F393" s="77"/>
    </row>
    <row r="394" spans="1:6" x14ac:dyDescent="0.2">
      <c r="A394" s="94"/>
      <c r="B394" s="95"/>
      <c r="C394" s="12"/>
      <c r="D394" s="77"/>
      <c r="E394" s="77"/>
      <c r="F394" s="77"/>
    </row>
    <row r="395" spans="1:6" x14ac:dyDescent="0.2">
      <c r="A395" s="94"/>
      <c r="B395" s="95"/>
      <c r="C395" s="12"/>
      <c r="D395" s="77"/>
      <c r="E395" s="77"/>
      <c r="F395" s="77"/>
    </row>
    <row r="396" spans="1:6" x14ac:dyDescent="0.2">
      <c r="A396" s="94"/>
      <c r="B396" s="95"/>
      <c r="C396" s="12"/>
      <c r="D396" s="77"/>
      <c r="E396" s="77"/>
      <c r="F396" s="77"/>
    </row>
    <row r="397" spans="1:6" x14ac:dyDescent="0.2">
      <c r="A397" s="94"/>
      <c r="B397" s="95"/>
      <c r="C397" s="12"/>
      <c r="D397" s="77"/>
      <c r="E397" s="77"/>
      <c r="F397" s="77"/>
    </row>
    <row r="398" spans="1:6" x14ac:dyDescent="0.2">
      <c r="A398" s="94"/>
      <c r="B398" s="95"/>
      <c r="C398" s="12"/>
      <c r="D398" s="77"/>
      <c r="E398" s="77"/>
      <c r="F398" s="77"/>
    </row>
    <row r="399" spans="1:6" x14ac:dyDescent="0.2">
      <c r="A399" s="94"/>
      <c r="B399" s="95"/>
      <c r="C399" s="12"/>
      <c r="D399" s="77"/>
      <c r="E399" s="77"/>
      <c r="F399" s="77"/>
    </row>
    <row r="400" spans="1:6" x14ac:dyDescent="0.2">
      <c r="A400" s="94"/>
      <c r="B400" s="95"/>
      <c r="C400" s="12"/>
      <c r="D400" s="77"/>
      <c r="E400" s="77"/>
      <c r="F400" s="77"/>
    </row>
    <row r="401" spans="1:6" x14ac:dyDescent="0.2">
      <c r="A401" s="94"/>
      <c r="B401" s="95"/>
      <c r="C401" s="12"/>
      <c r="D401" s="77"/>
      <c r="E401" s="77"/>
      <c r="F401" s="77"/>
    </row>
    <row r="402" spans="1:6" x14ac:dyDescent="0.2">
      <c r="A402" s="94"/>
      <c r="B402" s="95"/>
      <c r="C402" s="12"/>
      <c r="D402" s="77"/>
      <c r="E402" s="77"/>
      <c r="F402" s="77"/>
    </row>
    <row r="403" spans="1:6" x14ac:dyDescent="0.2">
      <c r="A403" s="94"/>
      <c r="B403" s="95"/>
      <c r="C403" s="12"/>
      <c r="D403" s="77"/>
      <c r="E403" s="77"/>
      <c r="F403" s="77"/>
    </row>
    <row r="404" spans="1:6" x14ac:dyDescent="0.2">
      <c r="A404" s="94"/>
      <c r="B404" s="95"/>
      <c r="C404" s="12"/>
      <c r="D404" s="77"/>
      <c r="E404" s="77"/>
      <c r="F404" s="77"/>
    </row>
    <row r="405" spans="1:6" x14ac:dyDescent="0.2">
      <c r="A405" s="94"/>
      <c r="B405" s="95"/>
      <c r="C405" s="12"/>
      <c r="D405" s="77"/>
      <c r="E405" s="77"/>
      <c r="F405" s="77"/>
    </row>
    <row r="406" spans="1:6" x14ac:dyDescent="0.2">
      <c r="A406" s="94"/>
      <c r="B406" s="95"/>
      <c r="C406" s="12"/>
      <c r="D406" s="77"/>
      <c r="E406" s="77"/>
      <c r="F406" s="77"/>
    </row>
    <row r="407" spans="1:6" x14ac:dyDescent="0.2">
      <c r="A407" s="94"/>
      <c r="B407" s="95"/>
      <c r="C407" s="12"/>
      <c r="D407" s="77"/>
      <c r="E407" s="77"/>
      <c r="F407" s="77"/>
    </row>
    <row r="408" spans="1:6" x14ac:dyDescent="0.2">
      <c r="A408" s="94"/>
      <c r="B408" s="95"/>
      <c r="C408" s="12"/>
      <c r="D408" s="77"/>
      <c r="E408" s="77"/>
      <c r="F408" s="77"/>
    </row>
    <row r="409" spans="1:6" x14ac:dyDescent="0.2">
      <c r="A409" s="94"/>
      <c r="B409" s="95"/>
      <c r="C409" s="12"/>
      <c r="D409" s="77"/>
      <c r="E409" s="77"/>
      <c r="F409" s="77"/>
    </row>
    <row r="410" spans="1:6" x14ac:dyDescent="0.2">
      <c r="A410" s="94"/>
      <c r="B410" s="95"/>
      <c r="C410" s="12"/>
      <c r="D410" s="77"/>
      <c r="E410" s="77"/>
      <c r="F410" s="77"/>
    </row>
    <row r="411" spans="1:6" x14ac:dyDescent="0.2">
      <c r="A411" s="94"/>
      <c r="B411" s="95"/>
      <c r="C411" s="12"/>
      <c r="D411" s="77"/>
      <c r="E411" s="77"/>
      <c r="F411" s="77"/>
    </row>
    <row r="412" spans="1:6" x14ac:dyDescent="0.2">
      <c r="A412" s="94"/>
      <c r="B412" s="95"/>
      <c r="C412" s="12"/>
      <c r="D412" s="77"/>
      <c r="E412" s="77"/>
      <c r="F412" s="77"/>
    </row>
    <row r="413" spans="1:6" x14ac:dyDescent="0.2">
      <c r="A413" s="94"/>
      <c r="B413" s="95"/>
      <c r="C413" s="12"/>
      <c r="D413" s="77"/>
      <c r="E413" s="77"/>
      <c r="F413" s="77"/>
    </row>
    <row r="414" spans="1:6" x14ac:dyDescent="0.2">
      <c r="A414" s="94"/>
      <c r="B414" s="95"/>
      <c r="C414" s="12"/>
      <c r="D414" s="77"/>
      <c r="E414" s="77"/>
      <c r="F414" s="77"/>
    </row>
    <row r="415" spans="1:6" x14ac:dyDescent="0.2">
      <c r="A415" s="94"/>
      <c r="B415" s="95"/>
      <c r="C415" s="12"/>
      <c r="D415" s="77"/>
      <c r="E415" s="77"/>
      <c r="F415" s="77"/>
    </row>
    <row r="416" spans="1:6" x14ac:dyDescent="0.2">
      <c r="A416" s="94"/>
      <c r="B416" s="95"/>
      <c r="C416" s="12"/>
      <c r="D416" s="77"/>
      <c r="E416" s="77"/>
      <c r="F416" s="77"/>
    </row>
    <row r="417" spans="1:6" x14ac:dyDescent="0.2">
      <c r="A417" s="94"/>
      <c r="B417" s="95"/>
      <c r="C417" s="12"/>
      <c r="D417" s="77"/>
      <c r="E417" s="77"/>
      <c r="F417" s="77"/>
    </row>
    <row r="418" spans="1:6" x14ac:dyDescent="0.2">
      <c r="A418" s="94"/>
      <c r="B418" s="95"/>
      <c r="C418" s="12"/>
      <c r="D418" s="77"/>
      <c r="E418" s="77"/>
      <c r="F418" s="77"/>
    </row>
    <row r="419" spans="1:6" x14ac:dyDescent="0.2">
      <c r="A419" s="94"/>
      <c r="B419" s="95"/>
      <c r="C419" s="12"/>
      <c r="D419" s="77"/>
      <c r="E419" s="77"/>
      <c r="F419" s="77"/>
    </row>
    <row r="420" spans="1:6" x14ac:dyDescent="0.2">
      <c r="A420" s="94"/>
      <c r="B420" s="95"/>
      <c r="C420" s="12"/>
      <c r="D420" s="77"/>
      <c r="E420" s="77"/>
      <c r="F420" s="77"/>
    </row>
    <row r="421" spans="1:6" x14ac:dyDescent="0.2">
      <c r="A421" s="94"/>
      <c r="B421" s="95"/>
      <c r="C421" s="12"/>
      <c r="D421" s="77"/>
      <c r="E421" s="77"/>
      <c r="F421" s="77"/>
    </row>
    <row r="422" spans="1:6" x14ac:dyDescent="0.2">
      <c r="A422" s="94"/>
      <c r="B422" s="95"/>
      <c r="C422" s="12"/>
      <c r="D422" s="77"/>
      <c r="E422" s="77"/>
      <c r="F422" s="77"/>
    </row>
    <row r="423" spans="1:6" x14ac:dyDescent="0.2">
      <c r="A423" s="94"/>
      <c r="B423" s="95"/>
      <c r="C423" s="12"/>
      <c r="D423" s="77"/>
      <c r="E423" s="77"/>
      <c r="F423" s="77"/>
    </row>
    <row r="424" spans="1:6" x14ac:dyDescent="0.2">
      <c r="A424" s="94"/>
      <c r="B424" s="95"/>
      <c r="C424" s="12"/>
      <c r="D424" s="77"/>
      <c r="E424" s="77"/>
      <c r="F424" s="77"/>
    </row>
    <row r="425" spans="1:6" x14ac:dyDescent="0.2">
      <c r="A425" s="94"/>
      <c r="B425" s="95"/>
      <c r="C425" s="12"/>
      <c r="D425" s="77"/>
      <c r="E425" s="77"/>
      <c r="F425" s="77"/>
    </row>
    <row r="426" spans="1:6" x14ac:dyDescent="0.2">
      <c r="A426" s="94"/>
      <c r="B426" s="95"/>
      <c r="C426" s="12"/>
      <c r="D426" s="77"/>
      <c r="E426" s="77"/>
      <c r="F426" s="77"/>
    </row>
    <row r="427" spans="1:6" x14ac:dyDescent="0.2">
      <c r="A427" s="94"/>
      <c r="B427" s="95"/>
      <c r="C427" s="12"/>
      <c r="D427" s="77"/>
      <c r="E427" s="77"/>
      <c r="F427" s="77"/>
    </row>
    <row r="428" spans="1:6" x14ac:dyDescent="0.2">
      <c r="A428" s="94"/>
      <c r="B428" s="95"/>
      <c r="C428" s="12"/>
      <c r="D428" s="77"/>
      <c r="E428" s="77"/>
      <c r="F428" s="77"/>
    </row>
    <row r="429" spans="1:6" x14ac:dyDescent="0.2">
      <c r="A429" s="94"/>
      <c r="B429" s="95"/>
      <c r="C429" s="12"/>
      <c r="D429" s="77"/>
      <c r="E429" s="77"/>
      <c r="F429" s="77"/>
    </row>
    <row r="430" spans="1:6" x14ac:dyDescent="0.2">
      <c r="A430" s="94"/>
      <c r="B430" s="95"/>
      <c r="C430" s="12"/>
      <c r="D430" s="77"/>
      <c r="E430" s="77"/>
      <c r="F430" s="77"/>
    </row>
    <row r="431" spans="1:6" x14ac:dyDescent="0.2">
      <c r="A431" s="94"/>
      <c r="B431" s="95"/>
      <c r="C431" s="12"/>
      <c r="D431" s="77"/>
      <c r="E431" s="77"/>
      <c r="F431" s="77"/>
    </row>
    <row r="432" spans="1:6" x14ac:dyDescent="0.2">
      <c r="A432" s="94"/>
      <c r="B432" s="95"/>
      <c r="C432" s="12"/>
      <c r="D432" s="77"/>
      <c r="E432" s="77"/>
      <c r="F432" s="77"/>
    </row>
    <row r="433" spans="1:6" x14ac:dyDescent="0.2">
      <c r="A433" s="94"/>
      <c r="B433" s="95"/>
      <c r="C433" s="12"/>
      <c r="D433" s="77"/>
      <c r="E433" s="77"/>
      <c r="F433" s="77"/>
    </row>
    <row r="434" spans="1:6" x14ac:dyDescent="0.2">
      <c r="A434" s="94"/>
      <c r="B434" s="95"/>
      <c r="C434" s="12"/>
      <c r="D434" s="77"/>
      <c r="E434" s="77"/>
      <c r="F434" s="77"/>
    </row>
    <row r="435" spans="1:6" x14ac:dyDescent="0.2">
      <c r="A435" s="94"/>
      <c r="B435" s="95"/>
      <c r="C435" s="12"/>
      <c r="D435" s="77"/>
      <c r="E435" s="77"/>
      <c r="F435" s="77"/>
    </row>
    <row r="436" spans="1:6" x14ac:dyDescent="0.2">
      <c r="A436" s="94"/>
      <c r="B436" s="95"/>
      <c r="C436" s="12"/>
      <c r="D436" s="77"/>
      <c r="E436" s="77"/>
      <c r="F436" s="77"/>
    </row>
    <row r="437" spans="1:6" x14ac:dyDescent="0.2">
      <c r="A437" s="94"/>
      <c r="B437" s="95"/>
      <c r="C437" s="12"/>
      <c r="D437" s="77"/>
      <c r="E437" s="77"/>
      <c r="F437" s="77"/>
    </row>
    <row r="438" spans="1:6" x14ac:dyDescent="0.2">
      <c r="A438" s="94"/>
      <c r="B438" s="95"/>
      <c r="C438" s="12"/>
      <c r="D438" s="77"/>
      <c r="E438" s="77"/>
      <c r="F438" s="77"/>
    </row>
    <row r="439" spans="1:6" x14ac:dyDescent="0.2">
      <c r="A439" s="94"/>
      <c r="B439" s="95"/>
      <c r="C439" s="12"/>
      <c r="D439" s="77"/>
      <c r="E439" s="77"/>
      <c r="F439" s="77"/>
    </row>
    <row r="440" spans="1:6" x14ac:dyDescent="0.2">
      <c r="A440" s="94"/>
      <c r="B440" s="95"/>
      <c r="C440" s="12"/>
      <c r="D440" s="77"/>
      <c r="E440" s="77"/>
      <c r="F440" s="77"/>
    </row>
    <row r="441" spans="1:6" x14ac:dyDescent="0.2">
      <c r="A441" s="94"/>
      <c r="B441" s="95"/>
      <c r="C441" s="12"/>
      <c r="D441" s="77"/>
      <c r="E441" s="77"/>
      <c r="F441" s="77"/>
    </row>
    <row r="442" spans="1:6" x14ac:dyDescent="0.2">
      <c r="A442" s="94"/>
      <c r="B442" s="95"/>
      <c r="C442" s="12"/>
      <c r="D442" s="77"/>
      <c r="E442" s="77"/>
      <c r="F442" s="77"/>
    </row>
    <row r="443" spans="1:6" x14ac:dyDescent="0.2">
      <c r="A443" s="94"/>
      <c r="B443" s="95"/>
      <c r="C443" s="12"/>
      <c r="D443" s="77"/>
      <c r="E443" s="77"/>
      <c r="F443" s="77"/>
    </row>
    <row r="444" spans="1:6" x14ac:dyDescent="0.2">
      <c r="A444" s="94"/>
      <c r="B444" s="95"/>
      <c r="C444" s="12"/>
      <c r="D444" s="77"/>
      <c r="E444" s="77"/>
      <c r="F444" s="77"/>
    </row>
    <row r="445" spans="1:6" x14ac:dyDescent="0.2">
      <c r="A445" s="94"/>
      <c r="B445" s="95"/>
      <c r="C445" s="12"/>
      <c r="D445" s="77"/>
      <c r="E445" s="77"/>
      <c r="F445" s="77"/>
    </row>
    <row r="446" spans="1:6" x14ac:dyDescent="0.2">
      <c r="A446" s="94"/>
      <c r="B446" s="95"/>
      <c r="C446" s="12"/>
      <c r="D446" s="77"/>
      <c r="E446" s="77"/>
      <c r="F446" s="77"/>
    </row>
    <row r="447" spans="1:6" x14ac:dyDescent="0.2">
      <c r="A447" s="94"/>
      <c r="B447" s="95"/>
      <c r="C447" s="12"/>
      <c r="D447" s="77"/>
      <c r="E447" s="77"/>
      <c r="F447" s="77"/>
    </row>
    <row r="448" spans="1:6" x14ac:dyDescent="0.2">
      <c r="A448" s="94"/>
      <c r="B448" s="95"/>
      <c r="C448" s="12"/>
      <c r="D448" s="77"/>
      <c r="E448" s="77"/>
      <c r="F448" s="77"/>
    </row>
    <row r="449" spans="1:6" x14ac:dyDescent="0.2">
      <c r="A449" s="94"/>
      <c r="B449" s="95"/>
      <c r="C449" s="12"/>
      <c r="D449" s="77"/>
      <c r="E449" s="77"/>
      <c r="F449" s="77"/>
    </row>
    <row r="450" spans="1:6" x14ac:dyDescent="0.2">
      <c r="A450" s="94"/>
      <c r="B450" s="95"/>
      <c r="C450" s="12"/>
      <c r="D450" s="77"/>
      <c r="E450" s="77"/>
      <c r="F450" s="77"/>
    </row>
    <row r="451" spans="1:6" x14ac:dyDescent="0.2">
      <c r="A451" s="94"/>
      <c r="B451" s="95"/>
      <c r="C451" s="12"/>
      <c r="D451" s="77"/>
      <c r="E451" s="77"/>
      <c r="F451" s="77"/>
    </row>
    <row r="452" spans="1:6" x14ac:dyDescent="0.2">
      <c r="A452" s="94"/>
      <c r="B452" s="95"/>
      <c r="C452" s="12"/>
      <c r="D452" s="77"/>
      <c r="E452" s="77"/>
      <c r="F452" s="77"/>
    </row>
    <row r="453" spans="1:6" x14ac:dyDescent="0.2">
      <c r="A453" s="94"/>
      <c r="B453" s="95"/>
      <c r="C453" s="12"/>
      <c r="D453" s="77"/>
      <c r="E453" s="77"/>
      <c r="F453" s="77"/>
    </row>
    <row r="454" spans="1:6" x14ac:dyDescent="0.2">
      <c r="A454" s="94"/>
      <c r="B454" s="95"/>
      <c r="C454" s="12"/>
      <c r="D454" s="77"/>
      <c r="E454" s="77"/>
      <c r="F454" s="77"/>
    </row>
    <row r="455" spans="1:6" x14ac:dyDescent="0.2">
      <c r="A455" s="94"/>
      <c r="B455" s="95"/>
      <c r="C455" s="12"/>
      <c r="D455" s="77"/>
      <c r="E455" s="77"/>
      <c r="F455" s="77"/>
    </row>
    <row r="456" spans="1:6" x14ac:dyDescent="0.2">
      <c r="A456" s="94"/>
      <c r="B456" s="95"/>
      <c r="C456" s="12"/>
      <c r="D456" s="77"/>
      <c r="E456" s="77"/>
      <c r="F456" s="77"/>
    </row>
    <row r="457" spans="1:6" x14ac:dyDescent="0.2">
      <c r="A457" s="94"/>
      <c r="B457" s="95"/>
      <c r="C457" s="12"/>
      <c r="D457" s="77"/>
      <c r="E457" s="77"/>
      <c r="F457" s="77"/>
    </row>
    <row r="458" spans="1:6" x14ac:dyDescent="0.2">
      <c r="A458" s="94"/>
      <c r="B458" s="95"/>
      <c r="C458" s="12"/>
      <c r="D458" s="77"/>
      <c r="E458" s="77"/>
      <c r="F458" s="77"/>
    </row>
    <row r="459" spans="1:6" x14ac:dyDescent="0.2">
      <c r="A459" s="94"/>
      <c r="B459" s="95"/>
      <c r="C459" s="12"/>
      <c r="D459" s="77"/>
      <c r="E459" s="77"/>
      <c r="F459" s="77"/>
    </row>
    <row r="460" spans="1:6" x14ac:dyDescent="0.2">
      <c r="A460" s="94"/>
      <c r="B460" s="95"/>
      <c r="C460" s="12"/>
      <c r="D460" s="77"/>
      <c r="E460" s="77"/>
      <c r="F460" s="77"/>
    </row>
    <row r="461" spans="1:6" x14ac:dyDescent="0.2">
      <c r="A461" s="94"/>
      <c r="B461" s="95"/>
      <c r="C461" s="12"/>
      <c r="D461" s="77"/>
      <c r="E461" s="77"/>
      <c r="F461" s="77"/>
    </row>
    <row r="462" spans="1:6" x14ac:dyDescent="0.2">
      <c r="A462" s="94"/>
      <c r="B462" s="95"/>
      <c r="C462" s="12"/>
      <c r="D462" s="77"/>
      <c r="E462" s="77"/>
      <c r="F462" s="77"/>
    </row>
    <row r="463" spans="1:6" x14ac:dyDescent="0.2">
      <c r="A463" s="94"/>
      <c r="B463" s="95"/>
      <c r="C463" s="12"/>
      <c r="D463" s="77"/>
      <c r="E463" s="77"/>
      <c r="F463" s="77"/>
    </row>
    <row r="464" spans="1:6" x14ac:dyDescent="0.2">
      <c r="A464" s="94"/>
      <c r="B464" s="95"/>
      <c r="C464" s="12"/>
      <c r="D464" s="77"/>
      <c r="E464" s="77"/>
      <c r="F464" s="77"/>
    </row>
    <row r="465" spans="1:6" x14ac:dyDescent="0.2">
      <c r="A465" s="94"/>
      <c r="B465" s="95"/>
      <c r="C465" s="12"/>
      <c r="D465" s="77"/>
      <c r="E465" s="77"/>
      <c r="F465" s="77"/>
    </row>
    <row r="466" spans="1:6" x14ac:dyDescent="0.2">
      <c r="A466" s="94"/>
      <c r="B466" s="95"/>
      <c r="C466" s="12"/>
      <c r="D466" s="77"/>
      <c r="E466" s="77"/>
      <c r="F466" s="77"/>
    </row>
    <row r="467" spans="1:6" x14ac:dyDescent="0.2">
      <c r="A467" s="94"/>
      <c r="B467" s="95"/>
      <c r="C467" s="12"/>
      <c r="D467" s="77"/>
      <c r="E467" s="77"/>
      <c r="F467" s="77"/>
    </row>
    <row r="468" spans="1:6" x14ac:dyDescent="0.2">
      <c r="A468" s="94"/>
      <c r="B468" s="95"/>
      <c r="C468" s="12"/>
      <c r="D468" s="77"/>
      <c r="E468" s="77"/>
      <c r="F468" s="77"/>
    </row>
    <row r="469" spans="1:6" x14ac:dyDescent="0.2">
      <c r="A469" s="94"/>
      <c r="B469" s="95"/>
      <c r="C469" s="12"/>
      <c r="D469" s="77"/>
      <c r="E469" s="77"/>
      <c r="F469" s="77"/>
    </row>
    <row r="470" spans="1:6" x14ac:dyDescent="0.2">
      <c r="A470" s="94"/>
      <c r="B470" s="95"/>
      <c r="C470" s="12"/>
      <c r="D470" s="77"/>
      <c r="E470" s="77"/>
      <c r="F470" s="77"/>
    </row>
    <row r="471" spans="1:6" x14ac:dyDescent="0.2">
      <c r="A471" s="94"/>
      <c r="B471" s="95"/>
      <c r="C471" s="12"/>
      <c r="D471" s="77"/>
      <c r="E471" s="77"/>
      <c r="F471" s="77"/>
    </row>
    <row r="472" spans="1:6" x14ac:dyDescent="0.2">
      <c r="A472" s="94"/>
      <c r="B472" s="95"/>
      <c r="C472" s="12"/>
      <c r="D472" s="77"/>
      <c r="E472" s="77"/>
      <c r="F472" s="77"/>
    </row>
    <row r="473" spans="1:6" x14ac:dyDescent="0.2">
      <c r="A473" s="94"/>
      <c r="B473" s="95"/>
      <c r="C473" s="12"/>
      <c r="D473" s="77"/>
      <c r="E473" s="77"/>
      <c r="F473" s="77"/>
    </row>
    <row r="474" spans="1:6" x14ac:dyDescent="0.2">
      <c r="A474" s="94"/>
      <c r="B474" s="95"/>
      <c r="C474" s="12"/>
      <c r="D474" s="77"/>
      <c r="E474" s="77"/>
      <c r="F474" s="77"/>
    </row>
    <row r="475" spans="1:6" x14ac:dyDescent="0.2">
      <c r="A475" s="94"/>
      <c r="B475" s="95"/>
      <c r="C475" s="12"/>
      <c r="D475" s="77"/>
      <c r="E475" s="77"/>
      <c r="F475" s="77"/>
    </row>
    <row r="476" spans="1:6" x14ac:dyDescent="0.2">
      <c r="A476" s="94"/>
      <c r="B476" s="95"/>
      <c r="C476" s="12"/>
      <c r="D476" s="77"/>
      <c r="E476" s="77"/>
      <c r="F476" s="77"/>
    </row>
    <row r="477" spans="1:6" x14ac:dyDescent="0.2">
      <c r="A477" s="94"/>
      <c r="B477" s="95"/>
      <c r="C477" s="12"/>
      <c r="D477" s="77"/>
      <c r="E477" s="77"/>
      <c r="F477" s="77"/>
    </row>
    <row r="478" spans="1:6" x14ac:dyDescent="0.2">
      <c r="A478" s="94"/>
      <c r="B478" s="95"/>
      <c r="C478" s="12"/>
      <c r="D478" s="77"/>
      <c r="E478" s="77"/>
      <c r="F478" s="77"/>
    </row>
    <row r="479" spans="1:6" x14ac:dyDescent="0.2">
      <c r="A479" s="94"/>
      <c r="B479" s="95"/>
      <c r="C479" s="12"/>
      <c r="D479" s="77"/>
      <c r="E479" s="77"/>
      <c r="F479" s="77"/>
    </row>
    <row r="480" spans="1:6" x14ac:dyDescent="0.2">
      <c r="A480" s="94"/>
      <c r="B480" s="95"/>
      <c r="C480" s="12"/>
      <c r="D480" s="77"/>
      <c r="E480" s="77"/>
      <c r="F480" s="77"/>
    </row>
    <row r="481" spans="1:6" x14ac:dyDescent="0.2">
      <c r="A481" s="94"/>
      <c r="B481" s="95"/>
      <c r="C481" s="12"/>
      <c r="D481" s="77"/>
      <c r="E481" s="77"/>
      <c r="F481" s="77"/>
    </row>
    <row r="482" spans="1:6" x14ac:dyDescent="0.2">
      <c r="A482" s="94"/>
      <c r="B482" s="95"/>
      <c r="C482" s="12"/>
      <c r="D482" s="77"/>
      <c r="E482" s="77"/>
      <c r="F482" s="77"/>
    </row>
    <row r="483" spans="1:6" x14ac:dyDescent="0.2">
      <c r="A483" s="94"/>
      <c r="B483" s="95"/>
      <c r="C483" s="12"/>
      <c r="D483" s="77"/>
      <c r="E483" s="77"/>
      <c r="F483" s="77"/>
    </row>
    <row r="484" spans="1:6" x14ac:dyDescent="0.2">
      <c r="A484" s="94"/>
      <c r="B484" s="95"/>
      <c r="C484" s="12"/>
      <c r="D484" s="77"/>
      <c r="E484" s="77"/>
      <c r="F484" s="77"/>
    </row>
    <row r="485" spans="1:6" x14ac:dyDescent="0.2">
      <c r="A485" s="94"/>
      <c r="B485" s="95"/>
      <c r="C485" s="12"/>
      <c r="D485" s="77"/>
      <c r="E485" s="77"/>
      <c r="F485" s="77"/>
    </row>
    <row r="486" spans="1:6" x14ac:dyDescent="0.2">
      <c r="A486" s="94"/>
      <c r="B486" s="95"/>
      <c r="C486" s="12"/>
      <c r="D486" s="77"/>
      <c r="E486" s="77"/>
      <c r="F486" s="77"/>
    </row>
    <row r="487" spans="1:6" x14ac:dyDescent="0.2">
      <c r="A487" s="94"/>
      <c r="B487" s="95"/>
      <c r="C487" s="12"/>
      <c r="D487" s="77"/>
      <c r="E487" s="77"/>
      <c r="F487" s="77"/>
    </row>
    <row r="488" spans="1:6" x14ac:dyDescent="0.2">
      <c r="A488" s="94"/>
      <c r="B488" s="95"/>
      <c r="C488" s="12"/>
      <c r="D488" s="77"/>
      <c r="E488" s="77"/>
      <c r="F488" s="77"/>
    </row>
    <row r="489" spans="1:6" x14ac:dyDescent="0.2">
      <c r="A489" s="94"/>
      <c r="B489" s="95"/>
      <c r="C489" s="12"/>
      <c r="D489" s="77"/>
      <c r="E489" s="77"/>
      <c r="F489" s="77"/>
    </row>
    <row r="490" spans="1:6" x14ac:dyDescent="0.2">
      <c r="A490" s="94"/>
      <c r="B490" s="95"/>
      <c r="C490" s="12"/>
      <c r="D490" s="77"/>
      <c r="E490" s="77"/>
      <c r="F490" s="77"/>
    </row>
    <row r="491" spans="1:6" x14ac:dyDescent="0.2">
      <c r="A491" s="94"/>
      <c r="B491" s="95"/>
      <c r="C491" s="12"/>
      <c r="D491" s="77"/>
      <c r="E491" s="77"/>
      <c r="F491" s="77"/>
    </row>
    <row r="492" spans="1:6" x14ac:dyDescent="0.2">
      <c r="A492" s="94"/>
      <c r="B492" s="95"/>
      <c r="C492" s="12"/>
      <c r="D492" s="77"/>
      <c r="E492" s="77"/>
      <c r="F492" s="77"/>
    </row>
    <row r="493" spans="1:6" x14ac:dyDescent="0.2">
      <c r="A493" s="94"/>
      <c r="B493" s="95"/>
      <c r="C493" s="12"/>
      <c r="D493" s="77"/>
      <c r="E493" s="77"/>
      <c r="F493" s="77"/>
    </row>
    <row r="494" spans="1:6" x14ac:dyDescent="0.2">
      <c r="A494" s="94"/>
      <c r="B494" s="95"/>
      <c r="C494" s="12"/>
      <c r="D494" s="77"/>
      <c r="E494" s="77"/>
      <c r="F494" s="77"/>
    </row>
    <row r="495" spans="1:6" x14ac:dyDescent="0.2">
      <c r="A495" s="94"/>
      <c r="B495" s="95"/>
      <c r="C495" s="12"/>
      <c r="D495" s="77"/>
      <c r="E495" s="77"/>
      <c r="F495" s="77"/>
    </row>
    <row r="496" spans="1:6" x14ac:dyDescent="0.2">
      <c r="A496" s="94"/>
      <c r="B496" s="95"/>
      <c r="C496" s="12"/>
      <c r="D496" s="77"/>
      <c r="E496" s="77"/>
      <c r="F496" s="77"/>
    </row>
    <row r="497" spans="1:6" x14ac:dyDescent="0.2">
      <c r="A497" s="94"/>
      <c r="B497" s="95"/>
      <c r="C497" s="12"/>
      <c r="D497" s="77"/>
      <c r="E497" s="77"/>
      <c r="F497" s="77"/>
    </row>
    <row r="498" spans="1:6" x14ac:dyDescent="0.2">
      <c r="A498" s="94"/>
      <c r="B498" s="95"/>
      <c r="C498" s="12"/>
      <c r="D498" s="77"/>
      <c r="E498" s="77"/>
      <c r="F498" s="77"/>
    </row>
    <row r="499" spans="1:6" x14ac:dyDescent="0.2">
      <c r="A499" s="94"/>
      <c r="B499" s="95"/>
      <c r="C499" s="12"/>
      <c r="D499" s="77"/>
      <c r="E499" s="77"/>
      <c r="F499" s="77"/>
    </row>
    <row r="500" spans="1:6" x14ac:dyDescent="0.2">
      <c r="A500" s="94"/>
      <c r="B500" s="95"/>
      <c r="C500" s="12"/>
      <c r="D500" s="77"/>
      <c r="E500" s="77"/>
      <c r="F500" s="77"/>
    </row>
    <row r="501" spans="1:6" x14ac:dyDescent="0.2">
      <c r="A501" s="94"/>
      <c r="B501" s="95"/>
      <c r="C501" s="12"/>
      <c r="D501" s="77"/>
      <c r="E501" s="77"/>
      <c r="F501" s="77"/>
    </row>
    <row r="502" spans="1:6" x14ac:dyDescent="0.2">
      <c r="A502" s="94"/>
      <c r="B502" s="95"/>
      <c r="C502" s="12"/>
      <c r="D502" s="77"/>
      <c r="E502" s="77"/>
      <c r="F502" s="77"/>
    </row>
    <row r="503" spans="1:6" x14ac:dyDescent="0.2">
      <c r="A503" s="94"/>
      <c r="B503" s="95"/>
      <c r="C503" s="12"/>
      <c r="D503" s="77"/>
      <c r="E503" s="77"/>
      <c r="F503" s="77"/>
    </row>
    <row r="504" spans="1:6" x14ac:dyDescent="0.2">
      <c r="A504" s="94"/>
      <c r="B504" s="95"/>
      <c r="C504" s="12"/>
      <c r="D504" s="77"/>
      <c r="E504" s="77"/>
      <c r="F504" s="77"/>
    </row>
    <row r="505" spans="1:6" x14ac:dyDescent="0.2">
      <c r="A505" s="94"/>
      <c r="B505" s="95"/>
      <c r="C505" s="12"/>
      <c r="D505" s="77"/>
      <c r="E505" s="77"/>
      <c r="F505" s="77"/>
    </row>
    <row r="506" spans="1:6" x14ac:dyDescent="0.2">
      <c r="A506" s="94"/>
      <c r="B506" s="95"/>
      <c r="C506" s="12"/>
      <c r="D506" s="77"/>
      <c r="E506" s="77"/>
      <c r="F506" s="77"/>
    </row>
    <row r="507" spans="1:6" x14ac:dyDescent="0.2">
      <c r="A507" s="94"/>
      <c r="B507" s="95"/>
      <c r="C507" s="12"/>
      <c r="D507" s="77"/>
      <c r="E507" s="77"/>
      <c r="F507" s="77"/>
    </row>
    <row r="508" spans="1:6" x14ac:dyDescent="0.2">
      <c r="A508" s="94"/>
      <c r="B508" s="95"/>
      <c r="C508" s="12"/>
      <c r="D508" s="77"/>
      <c r="E508" s="77"/>
      <c r="F508" s="77"/>
    </row>
    <row r="509" spans="1:6" x14ac:dyDescent="0.2">
      <c r="A509" s="94"/>
      <c r="B509" s="95"/>
      <c r="C509" s="12"/>
      <c r="D509" s="77"/>
      <c r="E509" s="77"/>
      <c r="F509" s="77"/>
    </row>
    <row r="510" spans="1:6" x14ac:dyDescent="0.2">
      <c r="A510" s="94"/>
      <c r="B510" s="95"/>
      <c r="C510" s="12"/>
      <c r="D510" s="77"/>
      <c r="E510" s="77"/>
      <c r="F510" s="77"/>
    </row>
    <row r="511" spans="1:6" x14ac:dyDescent="0.2">
      <c r="A511" s="94"/>
      <c r="B511" s="95"/>
      <c r="C511" s="12"/>
      <c r="D511" s="77"/>
      <c r="E511" s="77"/>
      <c r="F511" s="77"/>
    </row>
    <row r="512" spans="1:6" x14ac:dyDescent="0.2">
      <c r="A512" s="94"/>
      <c r="B512" s="95"/>
      <c r="C512" s="12"/>
      <c r="D512" s="77"/>
      <c r="E512" s="77"/>
      <c r="F512" s="77"/>
    </row>
    <row r="513" spans="1:6" x14ac:dyDescent="0.2">
      <c r="A513" s="94"/>
      <c r="B513" s="95"/>
      <c r="C513" s="12"/>
      <c r="D513" s="77"/>
      <c r="E513" s="77"/>
      <c r="F513" s="77"/>
    </row>
    <row r="514" spans="1:6" x14ac:dyDescent="0.2">
      <c r="A514" s="94"/>
      <c r="B514" s="95"/>
      <c r="C514" s="12"/>
      <c r="D514" s="77"/>
      <c r="E514" s="77"/>
      <c r="F514" s="77"/>
    </row>
    <row r="515" spans="1:6" x14ac:dyDescent="0.2">
      <c r="A515" s="94"/>
      <c r="B515" s="95"/>
      <c r="C515" s="12"/>
      <c r="D515" s="77"/>
      <c r="E515" s="77"/>
      <c r="F515" s="77"/>
    </row>
    <row r="516" spans="1:6" x14ac:dyDescent="0.2">
      <c r="A516" s="94"/>
      <c r="B516" s="95"/>
      <c r="C516" s="12"/>
      <c r="D516" s="77"/>
      <c r="E516" s="77"/>
      <c r="F516" s="77"/>
    </row>
    <row r="517" spans="1:6" x14ac:dyDescent="0.2">
      <c r="A517" s="94"/>
      <c r="B517" s="95"/>
      <c r="C517" s="12"/>
      <c r="D517" s="77"/>
      <c r="E517" s="77"/>
      <c r="F517" s="77"/>
    </row>
    <row r="518" spans="1:6" x14ac:dyDescent="0.2">
      <c r="A518" s="94"/>
      <c r="B518" s="95"/>
      <c r="C518" s="12"/>
      <c r="D518" s="77"/>
      <c r="E518" s="77"/>
      <c r="F518" s="77"/>
    </row>
    <row r="519" spans="1:6" x14ac:dyDescent="0.2">
      <c r="A519" s="94"/>
      <c r="B519" s="95"/>
      <c r="C519" s="12"/>
      <c r="D519" s="77"/>
      <c r="E519" s="77"/>
      <c r="F519" s="77"/>
    </row>
    <row r="520" spans="1:6" x14ac:dyDescent="0.2">
      <c r="A520" s="94"/>
      <c r="B520" s="95"/>
      <c r="C520" s="12"/>
      <c r="D520" s="77"/>
      <c r="E520" s="77"/>
      <c r="F520" s="77"/>
    </row>
    <row r="521" spans="1:6" x14ac:dyDescent="0.2">
      <c r="A521" s="94"/>
      <c r="B521" s="95"/>
      <c r="C521" s="12"/>
      <c r="D521" s="77"/>
      <c r="E521" s="77"/>
      <c r="F521" s="77"/>
    </row>
    <row r="522" spans="1:6" x14ac:dyDescent="0.2">
      <c r="A522" s="94"/>
      <c r="B522" s="95"/>
      <c r="C522" s="12"/>
      <c r="D522" s="77"/>
      <c r="E522" s="77"/>
      <c r="F522" s="77"/>
    </row>
    <row r="523" spans="1:6" x14ac:dyDescent="0.2">
      <c r="A523" s="94"/>
      <c r="B523" s="95"/>
      <c r="C523" s="12"/>
      <c r="D523" s="77"/>
      <c r="E523" s="77"/>
      <c r="F523" s="77"/>
    </row>
    <row r="524" spans="1:6" x14ac:dyDescent="0.2">
      <c r="A524" s="94"/>
      <c r="B524" s="95"/>
      <c r="C524" s="12"/>
      <c r="D524" s="77"/>
      <c r="E524" s="77"/>
      <c r="F524" s="77"/>
    </row>
    <row r="525" spans="1:6" x14ac:dyDescent="0.2">
      <c r="A525" s="94"/>
      <c r="B525" s="95"/>
      <c r="C525" s="12"/>
      <c r="D525" s="77"/>
      <c r="E525" s="77"/>
      <c r="F525" s="77"/>
    </row>
    <row r="526" spans="1:6" x14ac:dyDescent="0.2">
      <c r="A526" s="94"/>
      <c r="B526" s="95"/>
      <c r="C526" s="12"/>
      <c r="D526" s="77"/>
      <c r="E526" s="77"/>
      <c r="F526" s="77"/>
    </row>
    <row r="527" spans="1:6" x14ac:dyDescent="0.2">
      <c r="A527" s="94"/>
      <c r="B527" s="95"/>
      <c r="C527" s="12"/>
      <c r="D527" s="77"/>
      <c r="E527" s="77"/>
      <c r="F527" s="77"/>
    </row>
    <row r="528" spans="1:6" x14ac:dyDescent="0.2">
      <c r="A528" s="94"/>
      <c r="B528" s="95"/>
      <c r="C528" s="12"/>
      <c r="D528" s="77"/>
      <c r="E528" s="77"/>
      <c r="F528" s="77"/>
    </row>
    <row r="529" spans="1:6" x14ac:dyDescent="0.2">
      <c r="A529" s="94"/>
      <c r="B529" s="95"/>
      <c r="C529" s="12"/>
      <c r="D529" s="77"/>
      <c r="E529" s="77"/>
      <c r="F529" s="77"/>
    </row>
    <row r="530" spans="1:6" x14ac:dyDescent="0.2">
      <c r="A530" s="94"/>
      <c r="B530" s="95"/>
      <c r="C530" s="12"/>
      <c r="D530" s="77"/>
      <c r="E530" s="77"/>
      <c r="F530" s="77"/>
    </row>
    <row r="531" spans="1:6" x14ac:dyDescent="0.2">
      <c r="A531" s="94"/>
      <c r="B531" s="95"/>
      <c r="C531" s="12"/>
      <c r="D531" s="77"/>
      <c r="E531" s="77"/>
      <c r="F531" s="77"/>
    </row>
    <row r="532" spans="1:6" x14ac:dyDescent="0.2">
      <c r="A532" s="94"/>
      <c r="B532" s="95"/>
      <c r="C532" s="12"/>
      <c r="D532" s="77"/>
      <c r="E532" s="77"/>
      <c r="F532" s="77"/>
    </row>
    <row r="533" spans="1:6" x14ac:dyDescent="0.2">
      <c r="A533" s="94"/>
      <c r="B533" s="95"/>
      <c r="C533" s="12"/>
      <c r="D533" s="77"/>
      <c r="E533" s="77"/>
      <c r="F533" s="77"/>
    </row>
    <row r="534" spans="1:6" x14ac:dyDescent="0.2">
      <c r="A534" s="94"/>
      <c r="B534" s="95"/>
      <c r="C534" s="12"/>
      <c r="D534" s="77"/>
      <c r="E534" s="77"/>
      <c r="F534" s="77"/>
    </row>
    <row r="535" spans="1:6" x14ac:dyDescent="0.2">
      <c r="A535" s="94"/>
      <c r="B535" s="95"/>
      <c r="C535" s="12"/>
      <c r="D535" s="77"/>
      <c r="E535" s="77"/>
      <c r="F535" s="77"/>
    </row>
    <row r="536" spans="1:6" x14ac:dyDescent="0.2">
      <c r="A536" s="94"/>
      <c r="B536" s="95"/>
      <c r="C536" s="12"/>
      <c r="D536" s="77"/>
      <c r="E536" s="77"/>
      <c r="F536" s="77"/>
    </row>
    <row r="537" spans="1:6" x14ac:dyDescent="0.2">
      <c r="A537" s="94"/>
      <c r="B537" s="95"/>
      <c r="C537" s="12"/>
      <c r="D537" s="77"/>
      <c r="E537" s="77"/>
      <c r="F537" s="77"/>
    </row>
    <row r="538" spans="1:6" x14ac:dyDescent="0.2">
      <c r="A538" s="94"/>
      <c r="B538" s="95"/>
      <c r="C538" s="12"/>
      <c r="D538" s="77"/>
      <c r="E538" s="77"/>
      <c r="F538" s="77"/>
    </row>
    <row r="539" spans="1:6" x14ac:dyDescent="0.2">
      <c r="A539" s="94"/>
      <c r="B539" s="95"/>
      <c r="C539" s="12"/>
      <c r="D539" s="77"/>
      <c r="E539" s="77"/>
      <c r="F539" s="77"/>
    </row>
    <row r="540" spans="1:6" x14ac:dyDescent="0.2">
      <c r="A540" s="94"/>
      <c r="B540" s="95"/>
      <c r="C540" s="12"/>
      <c r="D540" s="77"/>
      <c r="E540" s="77"/>
      <c r="F540" s="77"/>
    </row>
    <row r="541" spans="1:6" x14ac:dyDescent="0.2">
      <c r="A541" s="94"/>
      <c r="B541" s="95"/>
      <c r="C541" s="12"/>
      <c r="D541" s="77"/>
      <c r="E541" s="77"/>
      <c r="F541" s="77"/>
    </row>
    <row r="542" spans="1:6" x14ac:dyDescent="0.2">
      <c r="A542" s="94"/>
      <c r="B542" s="95"/>
      <c r="C542" s="12"/>
      <c r="D542" s="77"/>
      <c r="E542" s="77"/>
      <c r="F542" s="77"/>
    </row>
    <row r="543" spans="1:6" x14ac:dyDescent="0.2">
      <c r="A543" s="94"/>
      <c r="B543" s="95"/>
      <c r="C543" s="12"/>
      <c r="D543" s="77"/>
      <c r="E543" s="77"/>
      <c r="F543" s="77"/>
    </row>
    <row r="544" spans="1:6" x14ac:dyDescent="0.2">
      <c r="A544" s="94"/>
      <c r="B544" s="95"/>
      <c r="C544" s="12"/>
      <c r="D544" s="77"/>
      <c r="E544" s="77"/>
      <c r="F544" s="77"/>
    </row>
    <row r="545" spans="1:6" x14ac:dyDescent="0.2">
      <c r="A545" s="94"/>
      <c r="B545" s="95"/>
      <c r="C545" s="12"/>
      <c r="D545" s="77"/>
      <c r="E545" s="77"/>
      <c r="F545" s="77"/>
    </row>
    <row r="546" spans="1:6" x14ac:dyDescent="0.2">
      <c r="A546" s="94"/>
      <c r="B546" s="95"/>
      <c r="C546" s="12"/>
      <c r="D546" s="77"/>
      <c r="E546" s="77"/>
      <c r="F546" s="77"/>
    </row>
    <row r="547" spans="1:6" x14ac:dyDescent="0.2">
      <c r="A547" s="94"/>
      <c r="B547" s="95"/>
      <c r="C547" s="12"/>
      <c r="D547" s="77"/>
      <c r="E547" s="77"/>
      <c r="F547" s="77"/>
    </row>
    <row r="548" spans="1:6" x14ac:dyDescent="0.2">
      <c r="A548" s="94"/>
      <c r="B548" s="95"/>
      <c r="C548" s="12"/>
      <c r="D548" s="77"/>
      <c r="E548" s="77"/>
      <c r="F548" s="77"/>
    </row>
    <row r="549" spans="1:6" x14ac:dyDescent="0.2">
      <c r="A549" s="94"/>
      <c r="B549" s="95"/>
      <c r="C549" s="12"/>
      <c r="D549" s="77"/>
      <c r="E549" s="77"/>
      <c r="F549" s="77"/>
    </row>
    <row r="550" spans="1:6" x14ac:dyDescent="0.2">
      <c r="A550" s="94"/>
      <c r="B550" s="95"/>
      <c r="C550" s="12"/>
      <c r="D550" s="77"/>
      <c r="E550" s="77"/>
      <c r="F550" s="77"/>
    </row>
    <row r="551" spans="1:6" x14ac:dyDescent="0.2">
      <c r="A551" s="94"/>
      <c r="B551" s="95"/>
      <c r="C551" s="12"/>
      <c r="D551" s="77"/>
      <c r="E551" s="77"/>
      <c r="F551" s="77"/>
    </row>
    <row r="552" spans="1:6" x14ac:dyDescent="0.2">
      <c r="A552" s="94"/>
      <c r="B552" s="95"/>
      <c r="C552" s="12"/>
      <c r="D552" s="77"/>
      <c r="E552" s="77"/>
      <c r="F552" s="77"/>
    </row>
    <row r="553" spans="1:6" x14ac:dyDescent="0.2">
      <c r="A553" s="94"/>
      <c r="B553" s="95"/>
      <c r="C553" s="12"/>
      <c r="D553" s="77"/>
      <c r="E553" s="77"/>
      <c r="F553" s="77"/>
    </row>
    <row r="554" spans="1:6" x14ac:dyDescent="0.2">
      <c r="A554" s="94"/>
      <c r="B554" s="95"/>
      <c r="C554" s="12"/>
      <c r="D554" s="77"/>
      <c r="E554" s="77"/>
      <c r="F554" s="77"/>
    </row>
    <row r="555" spans="1:6" x14ac:dyDescent="0.2">
      <c r="A555" s="94"/>
      <c r="B555" s="95"/>
      <c r="C555" s="12"/>
      <c r="D555" s="77"/>
      <c r="E555" s="77"/>
      <c r="F555" s="77"/>
    </row>
    <row r="556" spans="1:6" x14ac:dyDescent="0.2">
      <c r="A556" s="94"/>
      <c r="B556" s="95"/>
      <c r="C556" s="12"/>
      <c r="D556" s="77"/>
      <c r="E556" s="77"/>
      <c r="F556" s="77"/>
    </row>
    <row r="557" spans="1:6" x14ac:dyDescent="0.2">
      <c r="A557" s="94"/>
      <c r="B557" s="95"/>
      <c r="C557" s="12"/>
      <c r="D557" s="77"/>
      <c r="E557" s="77"/>
      <c r="F557" s="77"/>
    </row>
    <row r="558" spans="1:6" x14ac:dyDescent="0.2">
      <c r="A558" s="94"/>
      <c r="B558" s="95"/>
      <c r="C558" s="12"/>
      <c r="D558" s="77"/>
      <c r="E558" s="77"/>
      <c r="F558" s="77"/>
    </row>
    <row r="559" spans="1:6" x14ac:dyDescent="0.2">
      <c r="A559" s="94"/>
      <c r="B559" s="95"/>
      <c r="C559" s="12"/>
      <c r="D559" s="77"/>
      <c r="E559" s="77"/>
      <c r="F559" s="77"/>
    </row>
    <row r="560" spans="1:6" x14ac:dyDescent="0.2">
      <c r="A560" s="94"/>
      <c r="B560" s="95"/>
      <c r="C560" s="12"/>
      <c r="D560" s="77"/>
      <c r="E560" s="77"/>
      <c r="F560" s="77"/>
    </row>
    <row r="561" spans="1:6" x14ac:dyDescent="0.2">
      <c r="A561" s="94"/>
      <c r="B561" s="95"/>
      <c r="C561" s="12"/>
      <c r="D561" s="77"/>
      <c r="E561" s="77"/>
      <c r="F561" s="77"/>
    </row>
    <row r="562" spans="1:6" x14ac:dyDescent="0.2">
      <c r="A562" s="94"/>
      <c r="B562" s="95"/>
      <c r="C562" s="12"/>
      <c r="D562" s="77"/>
      <c r="E562" s="77"/>
      <c r="F562" s="77"/>
    </row>
    <row r="563" spans="1:6" x14ac:dyDescent="0.2">
      <c r="A563" s="94"/>
      <c r="B563" s="95"/>
      <c r="C563" s="12"/>
      <c r="D563" s="77"/>
      <c r="E563" s="77"/>
      <c r="F563" s="77"/>
    </row>
    <row r="564" spans="1:6" x14ac:dyDescent="0.2">
      <c r="A564" s="94"/>
      <c r="B564" s="95"/>
      <c r="C564" s="12"/>
      <c r="D564" s="77"/>
      <c r="E564" s="77"/>
      <c r="F564" s="77"/>
    </row>
    <row r="565" spans="1:6" x14ac:dyDescent="0.2">
      <c r="A565" s="94"/>
      <c r="B565" s="95"/>
      <c r="C565" s="12"/>
      <c r="D565" s="77"/>
      <c r="E565" s="77"/>
      <c r="F565" s="77"/>
    </row>
    <row r="566" spans="1:6" x14ac:dyDescent="0.2">
      <c r="A566" s="94"/>
      <c r="B566" s="95"/>
      <c r="C566" s="12"/>
      <c r="D566" s="77"/>
      <c r="E566" s="77"/>
      <c r="F566" s="77"/>
    </row>
    <row r="567" spans="1:6" x14ac:dyDescent="0.2">
      <c r="A567" s="94"/>
      <c r="B567" s="95"/>
      <c r="C567" s="12"/>
      <c r="D567" s="77"/>
      <c r="E567" s="77"/>
      <c r="F567" s="77"/>
    </row>
    <row r="568" spans="1:6" x14ac:dyDescent="0.2">
      <c r="A568" s="94"/>
      <c r="B568" s="95"/>
      <c r="C568" s="12"/>
      <c r="D568" s="77"/>
      <c r="E568" s="77"/>
      <c r="F568" s="77"/>
    </row>
    <row r="569" spans="1:6" x14ac:dyDescent="0.2">
      <c r="A569" s="94"/>
      <c r="B569" s="95"/>
      <c r="C569" s="12"/>
      <c r="D569" s="77"/>
      <c r="E569" s="77"/>
      <c r="F569" s="77"/>
    </row>
    <row r="570" spans="1:6" x14ac:dyDescent="0.2">
      <c r="A570" s="94"/>
      <c r="B570" s="95"/>
      <c r="C570" s="12"/>
      <c r="D570" s="77"/>
      <c r="E570" s="77"/>
      <c r="F570" s="77"/>
    </row>
    <row r="571" spans="1:6" x14ac:dyDescent="0.2">
      <c r="A571" s="94"/>
      <c r="B571" s="95"/>
      <c r="C571" s="12"/>
      <c r="D571" s="77"/>
      <c r="E571" s="77"/>
      <c r="F571" s="77"/>
    </row>
    <row r="572" spans="1:6" x14ac:dyDescent="0.2">
      <c r="A572" s="94"/>
      <c r="B572" s="95"/>
      <c r="C572" s="12"/>
      <c r="D572" s="77"/>
      <c r="E572" s="77"/>
      <c r="F572" s="77"/>
    </row>
    <row r="573" spans="1:6" x14ac:dyDescent="0.2">
      <c r="A573" s="94"/>
      <c r="B573" s="95"/>
      <c r="C573" s="12"/>
      <c r="D573" s="77"/>
      <c r="E573" s="77"/>
      <c r="F573" s="77"/>
    </row>
    <row r="574" spans="1:6" x14ac:dyDescent="0.2">
      <c r="A574" s="94"/>
      <c r="B574" s="95"/>
      <c r="C574" s="12"/>
      <c r="D574" s="77"/>
      <c r="E574" s="77"/>
      <c r="F574" s="77"/>
    </row>
    <row r="575" spans="1:6" x14ac:dyDescent="0.2">
      <c r="A575" s="94"/>
      <c r="B575" s="95"/>
      <c r="C575" s="12"/>
      <c r="D575" s="77"/>
      <c r="E575" s="77"/>
      <c r="F575" s="77"/>
    </row>
    <row r="576" spans="1:6" x14ac:dyDescent="0.2">
      <c r="A576" s="94"/>
      <c r="B576" s="95"/>
      <c r="C576" s="12"/>
      <c r="D576" s="77"/>
      <c r="E576" s="77"/>
      <c r="F576" s="77"/>
    </row>
    <row r="577" spans="1:6" x14ac:dyDescent="0.2">
      <c r="A577" s="94"/>
      <c r="B577" s="95"/>
      <c r="C577" s="12"/>
      <c r="D577" s="77"/>
      <c r="E577" s="77"/>
      <c r="F577" s="77"/>
    </row>
    <row r="578" spans="1:6" x14ac:dyDescent="0.2">
      <c r="A578" s="94"/>
      <c r="B578" s="95"/>
      <c r="C578" s="12"/>
      <c r="D578" s="77"/>
      <c r="E578" s="77"/>
      <c r="F578" s="77"/>
    </row>
    <row r="579" spans="1:6" x14ac:dyDescent="0.2">
      <c r="A579" s="94"/>
      <c r="B579" s="95"/>
      <c r="C579" s="12"/>
      <c r="D579" s="77"/>
      <c r="E579" s="77"/>
      <c r="F579" s="77"/>
    </row>
    <row r="580" spans="1:6" x14ac:dyDescent="0.2">
      <c r="A580" s="94"/>
      <c r="B580" s="95"/>
      <c r="C580" s="12"/>
      <c r="D580" s="77"/>
      <c r="E580" s="77"/>
      <c r="F580" s="77"/>
    </row>
    <row r="581" spans="1:6" x14ac:dyDescent="0.2">
      <c r="A581" s="94"/>
      <c r="B581" s="95"/>
      <c r="C581" s="12"/>
      <c r="D581" s="77"/>
      <c r="E581" s="77"/>
      <c r="F581" s="77"/>
    </row>
    <row r="582" spans="1:6" x14ac:dyDescent="0.2">
      <c r="A582" s="94"/>
      <c r="B582" s="95"/>
      <c r="C582" s="12"/>
      <c r="D582" s="77"/>
      <c r="E582" s="77"/>
      <c r="F582" s="77"/>
    </row>
    <row r="583" spans="1:6" x14ac:dyDescent="0.2">
      <c r="A583" s="94"/>
      <c r="B583" s="95"/>
      <c r="C583" s="12"/>
      <c r="D583" s="77"/>
      <c r="E583" s="77"/>
      <c r="F583" s="77"/>
    </row>
    <row r="584" spans="1:6" x14ac:dyDescent="0.2">
      <c r="A584" s="94"/>
      <c r="B584" s="95"/>
      <c r="C584" s="12"/>
      <c r="D584" s="77"/>
      <c r="E584" s="77"/>
      <c r="F584" s="77"/>
    </row>
    <row r="585" spans="1:6" x14ac:dyDescent="0.2">
      <c r="A585" s="94"/>
      <c r="B585" s="95"/>
      <c r="C585" s="12"/>
      <c r="D585" s="77"/>
      <c r="E585" s="77"/>
      <c r="F585" s="77"/>
    </row>
    <row r="586" spans="1:6" x14ac:dyDescent="0.2">
      <c r="A586" s="94"/>
      <c r="B586" s="95"/>
      <c r="C586" s="12"/>
      <c r="D586" s="77"/>
      <c r="E586" s="77"/>
      <c r="F586" s="77"/>
    </row>
    <row r="587" spans="1:6" x14ac:dyDescent="0.2">
      <c r="A587" s="94"/>
      <c r="B587" s="95"/>
      <c r="C587" s="12"/>
      <c r="D587" s="77"/>
      <c r="E587" s="77"/>
      <c r="F587" s="77"/>
    </row>
    <row r="588" spans="1:6" x14ac:dyDescent="0.2">
      <c r="A588" s="94"/>
      <c r="B588" s="95"/>
      <c r="C588" s="12"/>
      <c r="D588" s="77"/>
      <c r="E588" s="77"/>
      <c r="F588" s="77"/>
    </row>
    <row r="589" spans="1:6" x14ac:dyDescent="0.2">
      <c r="A589" s="94"/>
      <c r="B589" s="95"/>
      <c r="C589" s="12"/>
      <c r="D589" s="77"/>
      <c r="E589" s="77"/>
      <c r="F589" s="77"/>
    </row>
    <row r="590" spans="1:6" x14ac:dyDescent="0.2">
      <c r="A590" s="94"/>
      <c r="B590" s="95"/>
      <c r="C590" s="12"/>
      <c r="D590" s="77"/>
      <c r="E590" s="77"/>
      <c r="F590" s="77"/>
    </row>
    <row r="591" spans="1:6" x14ac:dyDescent="0.2">
      <c r="A591" s="94"/>
      <c r="B591" s="95"/>
      <c r="C591" s="12"/>
      <c r="D591" s="77"/>
      <c r="E591" s="77"/>
      <c r="F591" s="77"/>
    </row>
    <row r="592" spans="1:6" x14ac:dyDescent="0.2">
      <c r="A592" s="94"/>
      <c r="B592" s="95"/>
      <c r="C592" s="12"/>
      <c r="D592" s="77"/>
      <c r="E592" s="77"/>
      <c r="F592" s="77"/>
    </row>
    <row r="593" spans="1:6" x14ac:dyDescent="0.2">
      <c r="A593" s="94"/>
      <c r="B593" s="95"/>
      <c r="C593" s="12"/>
      <c r="D593" s="77"/>
      <c r="E593" s="77"/>
      <c r="F593" s="77"/>
    </row>
    <row r="594" spans="1:6" x14ac:dyDescent="0.2">
      <c r="A594" s="94"/>
      <c r="B594" s="95"/>
      <c r="C594" s="12"/>
      <c r="D594" s="77"/>
      <c r="E594" s="77"/>
      <c r="F594" s="77"/>
    </row>
    <row r="595" spans="1:6" x14ac:dyDescent="0.2">
      <c r="A595" s="94"/>
      <c r="B595" s="95"/>
      <c r="C595" s="12"/>
      <c r="D595" s="77"/>
      <c r="E595" s="77"/>
      <c r="F595" s="77"/>
    </row>
    <row r="596" spans="1:6" x14ac:dyDescent="0.2">
      <c r="A596" s="94"/>
      <c r="B596" s="95"/>
      <c r="C596" s="12"/>
      <c r="D596" s="77"/>
      <c r="E596" s="77"/>
      <c r="F596" s="77"/>
    </row>
    <row r="597" spans="1:6" x14ac:dyDescent="0.2">
      <c r="A597" s="94"/>
      <c r="B597" s="95"/>
      <c r="C597" s="12"/>
      <c r="D597" s="77"/>
      <c r="E597" s="77"/>
      <c r="F597" s="77"/>
    </row>
    <row r="598" spans="1:6" x14ac:dyDescent="0.2">
      <c r="A598" s="94"/>
      <c r="B598" s="95"/>
      <c r="C598" s="12"/>
      <c r="D598" s="77"/>
      <c r="E598" s="77"/>
      <c r="F598" s="77"/>
    </row>
    <row r="599" spans="1:6" x14ac:dyDescent="0.2">
      <c r="A599" s="94"/>
      <c r="B599" s="95"/>
      <c r="C599" s="12"/>
      <c r="D599" s="77"/>
      <c r="E599" s="77"/>
      <c r="F599" s="77"/>
    </row>
    <row r="600" spans="1:6" x14ac:dyDescent="0.2">
      <c r="A600" s="94"/>
      <c r="B600" s="95"/>
      <c r="C600" s="12"/>
      <c r="D600" s="77"/>
      <c r="E600" s="77"/>
      <c r="F600" s="77"/>
    </row>
    <row r="601" spans="1:6" x14ac:dyDescent="0.2">
      <c r="A601" s="94"/>
      <c r="B601" s="95"/>
      <c r="C601" s="12"/>
      <c r="D601" s="77"/>
      <c r="E601" s="77"/>
      <c r="F601" s="77"/>
    </row>
    <row r="602" spans="1:6" x14ac:dyDescent="0.2">
      <c r="A602" s="94"/>
      <c r="B602" s="95"/>
      <c r="C602" s="12"/>
      <c r="D602" s="77"/>
      <c r="E602" s="77"/>
      <c r="F602" s="77"/>
    </row>
    <row r="603" spans="1:6" x14ac:dyDescent="0.2">
      <c r="A603" s="94"/>
      <c r="B603" s="95"/>
      <c r="C603" s="12"/>
      <c r="D603" s="77"/>
      <c r="E603" s="77"/>
      <c r="F603" s="77"/>
    </row>
    <row r="604" spans="1:6" x14ac:dyDescent="0.2">
      <c r="A604" s="94"/>
      <c r="B604" s="95"/>
      <c r="C604" s="12"/>
      <c r="D604" s="77"/>
      <c r="E604" s="77"/>
      <c r="F604" s="77"/>
    </row>
    <row r="605" spans="1:6" x14ac:dyDescent="0.2">
      <c r="A605" s="94"/>
      <c r="B605" s="95"/>
      <c r="C605" s="12"/>
      <c r="D605" s="77"/>
      <c r="E605" s="77"/>
      <c r="F605" s="77"/>
    </row>
    <row r="606" spans="1:6" x14ac:dyDescent="0.2">
      <c r="A606" s="94"/>
      <c r="B606" s="95"/>
      <c r="C606" s="12"/>
      <c r="D606" s="77"/>
      <c r="E606" s="77"/>
      <c r="F606" s="77"/>
    </row>
    <row r="607" spans="1:6" x14ac:dyDescent="0.2">
      <c r="A607" s="94"/>
      <c r="B607" s="95"/>
      <c r="C607" s="12"/>
      <c r="D607" s="77"/>
      <c r="E607" s="77"/>
      <c r="F607" s="77"/>
    </row>
    <row r="608" spans="1:6" x14ac:dyDescent="0.2">
      <c r="A608" s="94"/>
      <c r="B608" s="95"/>
      <c r="C608" s="12"/>
      <c r="D608" s="77"/>
      <c r="E608" s="77"/>
      <c r="F608" s="77"/>
    </row>
    <row r="609" spans="1:6" x14ac:dyDescent="0.2">
      <c r="A609" s="94"/>
      <c r="B609" s="95"/>
      <c r="C609" s="12"/>
      <c r="D609" s="77"/>
      <c r="E609" s="77"/>
      <c r="F609" s="77"/>
    </row>
    <row r="610" spans="1:6" x14ac:dyDescent="0.2">
      <c r="A610" s="94"/>
      <c r="B610" s="95"/>
      <c r="C610" s="12"/>
      <c r="D610" s="77"/>
      <c r="E610" s="77"/>
      <c r="F610" s="77"/>
    </row>
    <row r="611" spans="1:6" x14ac:dyDescent="0.2">
      <c r="A611" s="94"/>
      <c r="B611" s="95"/>
      <c r="C611" s="12"/>
      <c r="D611" s="77"/>
      <c r="E611" s="77"/>
      <c r="F611" s="77"/>
    </row>
    <row r="612" spans="1:6" x14ac:dyDescent="0.2">
      <c r="A612" s="94"/>
      <c r="B612" s="95"/>
      <c r="C612" s="12"/>
      <c r="D612" s="77"/>
      <c r="E612" s="77"/>
      <c r="F612" s="77"/>
    </row>
    <row r="613" spans="1:6" x14ac:dyDescent="0.2">
      <c r="A613" s="94"/>
      <c r="B613" s="95"/>
      <c r="C613" s="12"/>
      <c r="D613" s="77"/>
      <c r="E613" s="77"/>
      <c r="F613" s="77"/>
    </row>
    <row r="614" spans="1:6" x14ac:dyDescent="0.2">
      <c r="A614" s="94"/>
      <c r="B614" s="95"/>
      <c r="C614" s="12"/>
      <c r="D614" s="77"/>
      <c r="E614" s="77"/>
      <c r="F614" s="77"/>
    </row>
    <row r="615" spans="1:6" x14ac:dyDescent="0.2">
      <c r="A615" s="94"/>
      <c r="B615" s="95"/>
      <c r="C615" s="12"/>
      <c r="D615" s="77"/>
      <c r="E615" s="77"/>
      <c r="F615" s="77"/>
    </row>
    <row r="616" spans="1:6" x14ac:dyDescent="0.2">
      <c r="A616" s="94"/>
      <c r="B616" s="95"/>
      <c r="C616" s="12"/>
      <c r="D616" s="77"/>
      <c r="E616" s="77"/>
      <c r="F616" s="77"/>
    </row>
    <row r="617" spans="1:6" x14ac:dyDescent="0.2">
      <c r="A617" s="94"/>
      <c r="B617" s="95"/>
      <c r="C617" s="12"/>
      <c r="D617" s="77"/>
      <c r="E617" s="77"/>
      <c r="F617" s="77"/>
    </row>
    <row r="618" spans="1:6" x14ac:dyDescent="0.2">
      <c r="A618" s="94"/>
      <c r="B618" s="95"/>
      <c r="C618" s="12"/>
      <c r="D618" s="77"/>
      <c r="E618" s="77"/>
      <c r="F618" s="77"/>
    </row>
    <row r="619" spans="1:6" x14ac:dyDescent="0.2">
      <c r="A619" s="94"/>
      <c r="B619" s="95"/>
      <c r="C619" s="12"/>
      <c r="D619" s="77"/>
      <c r="E619" s="77"/>
      <c r="F619" s="77"/>
    </row>
    <row r="620" spans="1:6" x14ac:dyDescent="0.2">
      <c r="A620" s="94"/>
      <c r="B620" s="95"/>
      <c r="C620" s="12"/>
      <c r="D620" s="77"/>
      <c r="E620" s="77"/>
      <c r="F620" s="77"/>
    </row>
    <row r="621" spans="1:6" x14ac:dyDescent="0.2">
      <c r="A621" s="94"/>
      <c r="B621" s="95"/>
      <c r="C621" s="12"/>
      <c r="D621" s="77"/>
      <c r="E621" s="77"/>
      <c r="F621" s="77"/>
    </row>
    <row r="622" spans="1:6" x14ac:dyDescent="0.2">
      <c r="A622" s="94"/>
      <c r="B622" s="95"/>
      <c r="C622" s="12"/>
      <c r="D622" s="77"/>
      <c r="E622" s="77"/>
      <c r="F622" s="77"/>
    </row>
    <row r="623" spans="1:6" x14ac:dyDescent="0.2">
      <c r="A623" s="94"/>
      <c r="B623" s="95"/>
      <c r="C623" s="12"/>
      <c r="D623" s="77"/>
      <c r="E623" s="77"/>
      <c r="F623" s="77"/>
    </row>
    <row r="624" spans="1:6" x14ac:dyDescent="0.2">
      <c r="A624" s="94"/>
      <c r="B624" s="95"/>
      <c r="C624" s="12"/>
      <c r="D624" s="77"/>
      <c r="E624" s="77"/>
      <c r="F624" s="77"/>
    </row>
    <row r="625" spans="1:6" x14ac:dyDescent="0.2">
      <c r="A625" s="94"/>
      <c r="B625" s="95"/>
      <c r="C625" s="12"/>
      <c r="D625" s="77"/>
      <c r="E625" s="77"/>
      <c r="F625" s="77"/>
    </row>
    <row r="626" spans="1:6" x14ac:dyDescent="0.2">
      <c r="A626" s="94"/>
      <c r="B626" s="95"/>
      <c r="C626" s="12"/>
      <c r="D626" s="77"/>
      <c r="E626" s="77"/>
      <c r="F626" s="77"/>
    </row>
    <row r="627" spans="1:6" x14ac:dyDescent="0.2">
      <c r="A627" s="94"/>
      <c r="B627" s="95"/>
      <c r="C627" s="12"/>
      <c r="D627" s="77"/>
      <c r="E627" s="77"/>
      <c r="F627" s="77"/>
    </row>
    <row r="628" spans="1:6" x14ac:dyDescent="0.2">
      <c r="A628" s="94"/>
      <c r="B628" s="95"/>
      <c r="C628" s="12"/>
      <c r="D628" s="77"/>
      <c r="E628" s="77"/>
      <c r="F628" s="77"/>
    </row>
    <row r="629" spans="1:6" x14ac:dyDescent="0.2">
      <c r="A629" s="94"/>
      <c r="B629" s="95"/>
      <c r="C629" s="12"/>
      <c r="D629" s="77"/>
      <c r="E629" s="77"/>
      <c r="F629" s="77"/>
    </row>
    <row r="630" spans="1:6" x14ac:dyDescent="0.2">
      <c r="A630" s="94"/>
      <c r="B630" s="95"/>
      <c r="C630" s="12"/>
      <c r="D630" s="77"/>
      <c r="E630" s="77"/>
      <c r="F630" s="77"/>
    </row>
    <row r="631" spans="1:6" x14ac:dyDescent="0.2">
      <c r="A631" s="94"/>
      <c r="B631" s="95"/>
      <c r="C631" s="12"/>
      <c r="D631" s="77"/>
      <c r="E631" s="77"/>
      <c r="F631" s="77"/>
    </row>
    <row r="632" spans="1:6" x14ac:dyDescent="0.2">
      <c r="A632" s="94"/>
      <c r="B632" s="95"/>
      <c r="C632" s="12"/>
      <c r="D632" s="77"/>
      <c r="E632" s="77"/>
      <c r="F632" s="77"/>
    </row>
    <row r="633" spans="1:6" x14ac:dyDescent="0.2">
      <c r="A633" s="94"/>
      <c r="B633" s="95"/>
      <c r="C633" s="12"/>
      <c r="D633" s="77"/>
      <c r="E633" s="77"/>
      <c r="F633" s="77"/>
    </row>
    <row r="634" spans="1:6" x14ac:dyDescent="0.2">
      <c r="A634" s="94"/>
      <c r="B634" s="95"/>
      <c r="C634" s="12"/>
      <c r="D634" s="77"/>
      <c r="E634" s="77"/>
      <c r="F634" s="77"/>
    </row>
    <row r="635" spans="1:6" x14ac:dyDescent="0.2">
      <c r="A635" s="94"/>
      <c r="B635" s="95"/>
      <c r="C635" s="12"/>
      <c r="D635" s="77"/>
      <c r="E635" s="77"/>
      <c r="F635" s="77"/>
    </row>
    <row r="636" spans="1:6" x14ac:dyDescent="0.2">
      <c r="A636" s="94"/>
      <c r="B636" s="95"/>
      <c r="C636" s="12"/>
      <c r="D636" s="77"/>
      <c r="E636" s="77"/>
      <c r="F636" s="77"/>
    </row>
    <row r="637" spans="1:6" x14ac:dyDescent="0.2">
      <c r="A637" s="94"/>
      <c r="B637" s="95"/>
      <c r="C637" s="12"/>
      <c r="D637" s="77"/>
      <c r="E637" s="77"/>
      <c r="F637" s="77"/>
    </row>
    <row r="638" spans="1:6" x14ac:dyDescent="0.2">
      <c r="A638" s="94"/>
      <c r="B638" s="95"/>
      <c r="C638" s="12"/>
      <c r="D638" s="77"/>
      <c r="E638" s="77"/>
      <c r="F638" s="77"/>
    </row>
    <row r="639" spans="1:6" x14ac:dyDescent="0.2">
      <c r="A639" s="94"/>
      <c r="B639" s="95"/>
      <c r="C639" s="12"/>
      <c r="D639" s="77"/>
      <c r="E639" s="77"/>
      <c r="F639" s="77"/>
    </row>
    <row r="640" spans="1:6" x14ac:dyDescent="0.2">
      <c r="A640" s="94"/>
      <c r="B640" s="95"/>
      <c r="C640" s="12"/>
      <c r="D640" s="77"/>
      <c r="E640" s="77"/>
      <c r="F640" s="77"/>
    </row>
    <row r="641" spans="1:6" x14ac:dyDescent="0.2">
      <c r="A641" s="94"/>
      <c r="B641" s="95"/>
      <c r="C641" s="12"/>
      <c r="D641" s="77"/>
      <c r="E641" s="77"/>
      <c r="F641" s="77"/>
    </row>
    <row r="642" spans="1:6" x14ac:dyDescent="0.2">
      <c r="A642" s="94"/>
      <c r="B642" s="95"/>
      <c r="C642" s="12"/>
      <c r="D642" s="77"/>
      <c r="E642" s="77"/>
      <c r="F642" s="77"/>
    </row>
    <row r="643" spans="1:6" x14ac:dyDescent="0.2">
      <c r="A643" s="94"/>
      <c r="B643" s="95"/>
      <c r="C643" s="12"/>
      <c r="D643" s="77"/>
      <c r="E643" s="77"/>
      <c r="F643" s="77"/>
    </row>
    <row r="644" spans="1:6" x14ac:dyDescent="0.2">
      <c r="A644" s="94"/>
      <c r="B644" s="95"/>
      <c r="C644" s="12"/>
      <c r="D644" s="77"/>
      <c r="E644" s="77"/>
      <c r="F644" s="77"/>
    </row>
    <row r="645" spans="1:6" x14ac:dyDescent="0.2">
      <c r="A645" s="94"/>
      <c r="B645" s="95"/>
      <c r="C645" s="12"/>
      <c r="D645" s="77"/>
      <c r="E645" s="77"/>
      <c r="F645" s="77"/>
    </row>
    <row r="646" spans="1:6" x14ac:dyDescent="0.2">
      <c r="A646" s="94"/>
      <c r="B646" s="95"/>
      <c r="C646" s="12"/>
      <c r="D646" s="77"/>
      <c r="E646" s="77"/>
      <c r="F646" s="77"/>
    </row>
    <row r="647" spans="1:6" x14ac:dyDescent="0.2">
      <c r="A647" s="94"/>
      <c r="B647" s="95"/>
      <c r="C647" s="12"/>
      <c r="D647" s="77"/>
      <c r="E647" s="77"/>
      <c r="F647" s="77"/>
    </row>
    <row r="648" spans="1:6" x14ac:dyDescent="0.2">
      <c r="A648" s="94"/>
      <c r="B648" s="95"/>
      <c r="C648" s="12"/>
      <c r="D648" s="77"/>
      <c r="E648" s="77"/>
      <c r="F648" s="77"/>
    </row>
    <row r="649" spans="1:6" x14ac:dyDescent="0.2">
      <c r="A649" s="94"/>
      <c r="B649" s="95"/>
      <c r="C649" s="12"/>
      <c r="D649" s="77"/>
      <c r="E649" s="77"/>
      <c r="F649" s="77"/>
    </row>
    <row r="650" spans="1:6" x14ac:dyDescent="0.2">
      <c r="A650" s="94"/>
      <c r="B650" s="95"/>
      <c r="C650" s="12"/>
      <c r="D650" s="77"/>
      <c r="E650" s="77"/>
      <c r="F650" s="77"/>
    </row>
    <row r="651" spans="1:6" x14ac:dyDescent="0.2">
      <c r="A651" s="94"/>
      <c r="B651" s="95"/>
      <c r="C651" s="12"/>
      <c r="D651" s="77"/>
      <c r="E651" s="77"/>
      <c r="F651" s="77"/>
    </row>
    <row r="652" spans="1:6" x14ac:dyDescent="0.2">
      <c r="A652" s="94"/>
      <c r="B652" s="95"/>
      <c r="C652" s="12"/>
      <c r="D652" s="77"/>
      <c r="E652" s="77"/>
      <c r="F652" s="77"/>
    </row>
    <row r="653" spans="1:6" x14ac:dyDescent="0.2">
      <c r="A653" s="94"/>
      <c r="B653" s="95"/>
      <c r="C653" s="12"/>
      <c r="D653" s="77"/>
      <c r="E653" s="77"/>
      <c r="F653" s="77"/>
    </row>
    <row r="654" spans="1:6" x14ac:dyDescent="0.2">
      <c r="A654" s="94"/>
      <c r="B654" s="95"/>
      <c r="C654" s="12"/>
      <c r="D654" s="77"/>
      <c r="E654" s="77"/>
      <c r="F654" s="77"/>
    </row>
    <row r="655" spans="1:6" x14ac:dyDescent="0.2">
      <c r="A655" s="94"/>
      <c r="B655" s="95"/>
      <c r="C655" s="12"/>
      <c r="D655" s="77"/>
      <c r="E655" s="77"/>
      <c r="F655" s="77"/>
    </row>
    <row r="656" spans="1:6" x14ac:dyDescent="0.2">
      <c r="A656" s="94"/>
      <c r="B656" s="95"/>
      <c r="C656" s="12"/>
      <c r="D656" s="77"/>
      <c r="E656" s="77"/>
      <c r="F656" s="77"/>
    </row>
    <row r="657" spans="1:6" x14ac:dyDescent="0.2">
      <c r="A657" s="94"/>
      <c r="B657" s="95"/>
      <c r="C657" s="12"/>
      <c r="D657" s="77"/>
      <c r="E657" s="77"/>
      <c r="F657" s="77"/>
    </row>
    <row r="658" spans="1:6" x14ac:dyDescent="0.2">
      <c r="A658" s="94"/>
      <c r="B658" s="95"/>
      <c r="C658" s="12"/>
      <c r="D658" s="77"/>
      <c r="E658" s="77"/>
      <c r="F658" s="77"/>
    </row>
    <row r="659" spans="1:6" x14ac:dyDescent="0.2">
      <c r="A659" s="94"/>
      <c r="B659" s="95"/>
      <c r="C659" s="12"/>
      <c r="D659" s="77"/>
      <c r="E659" s="77"/>
      <c r="F659" s="77"/>
    </row>
    <row r="660" spans="1:6" x14ac:dyDescent="0.2">
      <c r="A660" s="94"/>
      <c r="B660" s="95"/>
      <c r="C660" s="12"/>
      <c r="D660" s="77"/>
      <c r="E660" s="77"/>
      <c r="F660" s="77"/>
    </row>
    <row r="661" spans="1:6" x14ac:dyDescent="0.2">
      <c r="A661" s="94"/>
      <c r="B661" s="95"/>
      <c r="C661" s="12"/>
      <c r="D661" s="77"/>
      <c r="E661" s="77"/>
      <c r="F661" s="77"/>
    </row>
    <row r="662" spans="1:6" x14ac:dyDescent="0.2">
      <c r="A662" s="94"/>
      <c r="B662" s="95"/>
      <c r="C662" s="12"/>
      <c r="D662" s="77"/>
      <c r="E662" s="77"/>
      <c r="F662" s="77"/>
    </row>
    <row r="663" spans="1:6" x14ac:dyDescent="0.2">
      <c r="A663" s="94"/>
      <c r="B663" s="95"/>
      <c r="C663" s="12"/>
      <c r="D663" s="77"/>
      <c r="E663" s="77"/>
      <c r="F663" s="77"/>
    </row>
    <row r="664" spans="1:6" x14ac:dyDescent="0.2">
      <c r="A664" s="94"/>
      <c r="B664" s="95"/>
      <c r="C664" s="12"/>
      <c r="D664" s="77"/>
      <c r="E664" s="77"/>
      <c r="F664" s="77"/>
    </row>
    <row r="665" spans="1:6" x14ac:dyDescent="0.2">
      <c r="A665" s="94"/>
      <c r="B665" s="95"/>
      <c r="C665" s="12"/>
      <c r="D665" s="77"/>
      <c r="E665" s="77"/>
      <c r="F665" s="77"/>
    </row>
    <row r="666" spans="1:6" x14ac:dyDescent="0.2">
      <c r="A666" s="94"/>
      <c r="B666" s="95"/>
      <c r="C666" s="12"/>
      <c r="D666" s="77"/>
      <c r="E666" s="77"/>
      <c r="F666" s="77"/>
    </row>
    <row r="667" spans="1:6" x14ac:dyDescent="0.2">
      <c r="A667" s="94"/>
      <c r="B667" s="95"/>
      <c r="C667" s="12"/>
      <c r="D667" s="77"/>
      <c r="E667" s="77"/>
      <c r="F667" s="77"/>
    </row>
    <row r="668" spans="1:6" x14ac:dyDescent="0.2">
      <c r="A668" s="94"/>
      <c r="B668" s="95"/>
      <c r="C668" s="12"/>
      <c r="D668" s="77"/>
      <c r="E668" s="77"/>
      <c r="F668" s="77"/>
    </row>
    <row r="669" spans="1:6" x14ac:dyDescent="0.2">
      <c r="A669" s="94"/>
      <c r="B669" s="95"/>
      <c r="C669" s="12"/>
      <c r="D669" s="77"/>
      <c r="E669" s="77"/>
      <c r="F669" s="77"/>
    </row>
    <row r="670" spans="1:6" x14ac:dyDescent="0.2">
      <c r="A670" s="94"/>
      <c r="B670" s="95"/>
      <c r="C670" s="12"/>
      <c r="D670" s="77"/>
      <c r="E670" s="77"/>
      <c r="F670" s="77"/>
    </row>
    <row r="671" spans="1:6" x14ac:dyDescent="0.2">
      <c r="A671" s="94"/>
      <c r="B671" s="95"/>
      <c r="C671" s="12"/>
      <c r="D671" s="77"/>
      <c r="E671" s="77"/>
      <c r="F671" s="77"/>
    </row>
    <row r="672" spans="1:6" x14ac:dyDescent="0.2">
      <c r="A672" s="94"/>
      <c r="B672" s="95"/>
      <c r="C672" s="12"/>
      <c r="D672" s="77"/>
      <c r="E672" s="77"/>
      <c r="F672" s="77"/>
    </row>
    <row r="673" spans="1:6" x14ac:dyDescent="0.2">
      <c r="A673" s="94"/>
      <c r="B673" s="95"/>
      <c r="C673" s="12"/>
      <c r="D673" s="77"/>
      <c r="E673" s="77"/>
      <c r="F673" s="77"/>
    </row>
    <row r="674" spans="1:6" x14ac:dyDescent="0.2">
      <c r="A674" s="94"/>
      <c r="B674" s="95"/>
      <c r="C674" s="12"/>
      <c r="D674" s="77"/>
      <c r="E674" s="77"/>
      <c r="F674" s="77"/>
    </row>
    <row r="675" spans="1:6" x14ac:dyDescent="0.2">
      <c r="A675" s="94"/>
      <c r="B675" s="95"/>
      <c r="C675" s="12"/>
      <c r="D675" s="77"/>
      <c r="E675" s="77"/>
      <c r="F675" s="77"/>
    </row>
    <row r="676" spans="1:6" x14ac:dyDescent="0.2">
      <c r="A676" s="94"/>
      <c r="B676" s="95"/>
      <c r="C676" s="12"/>
      <c r="D676" s="77"/>
      <c r="E676" s="77"/>
      <c r="F676" s="77"/>
    </row>
    <row r="677" spans="1:6" x14ac:dyDescent="0.2">
      <c r="A677" s="94"/>
      <c r="B677" s="95"/>
      <c r="C677" s="12"/>
      <c r="D677" s="77"/>
      <c r="E677" s="77"/>
      <c r="F677" s="77"/>
    </row>
    <row r="678" spans="1:6" x14ac:dyDescent="0.2">
      <c r="A678" s="94"/>
      <c r="B678" s="95"/>
      <c r="C678" s="12"/>
      <c r="D678" s="77"/>
      <c r="E678" s="77"/>
      <c r="F678" s="77"/>
    </row>
    <row r="679" spans="1:6" x14ac:dyDescent="0.2">
      <c r="A679" s="94"/>
      <c r="B679" s="95"/>
      <c r="C679" s="12"/>
      <c r="D679" s="77"/>
      <c r="E679" s="77"/>
      <c r="F679" s="77"/>
    </row>
    <row r="680" spans="1:6" x14ac:dyDescent="0.2">
      <c r="A680" s="94"/>
      <c r="B680" s="95"/>
      <c r="C680" s="12"/>
      <c r="D680" s="77"/>
      <c r="E680" s="77"/>
      <c r="F680" s="77"/>
    </row>
    <row r="681" spans="1:6" x14ac:dyDescent="0.2">
      <c r="A681" s="94"/>
      <c r="B681" s="95"/>
      <c r="C681" s="12"/>
      <c r="D681" s="77"/>
      <c r="E681" s="77"/>
      <c r="F681" s="77"/>
    </row>
    <row r="682" spans="1:6" x14ac:dyDescent="0.2">
      <c r="A682" s="94"/>
      <c r="B682" s="95"/>
      <c r="C682" s="12"/>
      <c r="D682" s="77"/>
      <c r="E682" s="77"/>
      <c r="F682" s="77"/>
    </row>
    <row r="683" spans="1:6" x14ac:dyDescent="0.2">
      <c r="A683" s="94"/>
      <c r="B683" s="95"/>
      <c r="C683" s="12"/>
      <c r="D683" s="77"/>
      <c r="E683" s="77"/>
      <c r="F683" s="77"/>
    </row>
    <row r="684" spans="1:6" x14ac:dyDescent="0.2">
      <c r="A684" s="94"/>
      <c r="B684" s="95"/>
      <c r="C684" s="12"/>
      <c r="D684" s="77"/>
      <c r="E684" s="77"/>
      <c r="F684" s="77"/>
    </row>
    <row r="685" spans="1:6" x14ac:dyDescent="0.2">
      <c r="A685" s="94"/>
      <c r="B685" s="95"/>
      <c r="C685" s="12"/>
      <c r="D685" s="77"/>
      <c r="E685" s="77"/>
      <c r="F685" s="77"/>
    </row>
    <row r="686" spans="1:6" x14ac:dyDescent="0.2">
      <c r="A686" s="94"/>
      <c r="B686" s="95"/>
      <c r="C686" s="12"/>
      <c r="D686" s="77"/>
      <c r="E686" s="77"/>
      <c r="F686" s="77"/>
    </row>
    <row r="687" spans="1:6" x14ac:dyDescent="0.2">
      <c r="A687" s="94"/>
      <c r="B687" s="95"/>
      <c r="C687" s="12"/>
      <c r="D687" s="77"/>
      <c r="E687" s="77"/>
      <c r="F687" s="77"/>
    </row>
    <row r="688" spans="1:6" x14ac:dyDescent="0.2">
      <c r="A688" s="94"/>
      <c r="B688" s="95"/>
      <c r="C688" s="12"/>
      <c r="D688" s="77"/>
      <c r="E688" s="77"/>
      <c r="F688" s="77"/>
    </row>
    <row r="689" spans="1:6" x14ac:dyDescent="0.2">
      <c r="A689" s="94"/>
      <c r="B689" s="95"/>
      <c r="C689" s="12"/>
      <c r="D689" s="77"/>
      <c r="E689" s="77"/>
      <c r="F689" s="77"/>
    </row>
    <row r="690" spans="1:6" x14ac:dyDescent="0.2">
      <c r="A690" s="94"/>
      <c r="B690" s="95"/>
      <c r="C690" s="12"/>
      <c r="D690" s="77"/>
      <c r="E690" s="77"/>
      <c r="F690" s="77"/>
    </row>
    <row r="691" spans="1:6" x14ac:dyDescent="0.2">
      <c r="A691" s="94"/>
      <c r="B691" s="95"/>
      <c r="C691" s="12"/>
      <c r="D691" s="77"/>
      <c r="E691" s="77"/>
      <c r="F691" s="77"/>
    </row>
    <row r="692" spans="1:6" x14ac:dyDescent="0.2">
      <c r="A692" s="94"/>
      <c r="B692" s="95"/>
      <c r="C692" s="12"/>
      <c r="D692" s="77"/>
      <c r="E692" s="77"/>
      <c r="F692" s="77"/>
    </row>
    <row r="693" spans="1:6" x14ac:dyDescent="0.2">
      <c r="A693" s="94"/>
      <c r="B693" s="95"/>
      <c r="C693" s="12"/>
      <c r="D693" s="77"/>
      <c r="E693" s="77"/>
      <c r="F693" s="77"/>
    </row>
    <row r="694" spans="1:6" x14ac:dyDescent="0.2">
      <c r="A694" s="94"/>
      <c r="B694" s="95"/>
      <c r="C694" s="12"/>
      <c r="D694" s="77"/>
      <c r="E694" s="77"/>
      <c r="F694" s="77"/>
    </row>
    <row r="695" spans="1:6" x14ac:dyDescent="0.2">
      <c r="A695" s="94"/>
      <c r="B695" s="95"/>
      <c r="C695" s="12"/>
      <c r="D695" s="77"/>
      <c r="E695" s="77"/>
      <c r="F695" s="77"/>
    </row>
    <row r="696" spans="1:6" x14ac:dyDescent="0.2">
      <c r="A696" s="94"/>
      <c r="B696" s="95"/>
      <c r="C696" s="12"/>
      <c r="D696" s="77"/>
      <c r="E696" s="77"/>
      <c r="F696" s="77"/>
    </row>
    <row r="697" spans="1:6" x14ac:dyDescent="0.2">
      <c r="A697" s="94"/>
      <c r="B697" s="95"/>
      <c r="C697" s="12"/>
      <c r="D697" s="77"/>
      <c r="E697" s="77"/>
      <c r="F697" s="77"/>
    </row>
    <row r="698" spans="1:6" x14ac:dyDescent="0.2">
      <c r="A698" s="94"/>
      <c r="B698" s="95"/>
      <c r="C698" s="12"/>
      <c r="D698" s="77"/>
      <c r="E698" s="77"/>
      <c r="F698" s="77"/>
    </row>
    <row r="699" spans="1:6" x14ac:dyDescent="0.2">
      <c r="A699" s="94"/>
      <c r="B699" s="95"/>
      <c r="C699" s="12"/>
      <c r="D699" s="77"/>
      <c r="E699" s="77"/>
      <c r="F699" s="77"/>
    </row>
    <row r="700" spans="1:6" x14ac:dyDescent="0.2">
      <c r="A700" s="94"/>
      <c r="B700" s="95"/>
      <c r="C700" s="12"/>
      <c r="D700" s="77"/>
      <c r="E700" s="77"/>
      <c r="F700" s="77"/>
    </row>
    <row r="701" spans="1:6" x14ac:dyDescent="0.2">
      <c r="A701" s="94"/>
      <c r="B701" s="95"/>
      <c r="C701" s="12"/>
      <c r="D701" s="77"/>
      <c r="E701" s="77"/>
      <c r="F701" s="77"/>
    </row>
    <row r="702" spans="1:6" x14ac:dyDescent="0.2">
      <c r="A702" s="94"/>
      <c r="B702" s="95"/>
      <c r="C702" s="12"/>
      <c r="D702" s="77"/>
      <c r="E702" s="77"/>
      <c r="F702" s="77"/>
    </row>
    <row r="703" spans="1:6" x14ac:dyDescent="0.2">
      <c r="A703" s="94"/>
      <c r="B703" s="95"/>
      <c r="C703" s="12"/>
      <c r="D703" s="77"/>
      <c r="E703" s="77"/>
      <c r="F703" s="77"/>
    </row>
    <row r="704" spans="1:6" x14ac:dyDescent="0.2">
      <c r="A704" s="94"/>
      <c r="B704" s="95"/>
      <c r="C704" s="12"/>
      <c r="D704" s="77"/>
      <c r="E704" s="77"/>
      <c r="F704" s="77"/>
    </row>
    <row r="705" spans="1:6" x14ac:dyDescent="0.2">
      <c r="A705" s="94"/>
      <c r="B705" s="95"/>
      <c r="C705" s="12"/>
      <c r="D705" s="77"/>
      <c r="E705" s="77"/>
      <c r="F705" s="77"/>
    </row>
    <row r="706" spans="1:6" x14ac:dyDescent="0.2">
      <c r="A706" s="94"/>
      <c r="B706" s="95"/>
      <c r="C706" s="12"/>
      <c r="D706" s="77"/>
      <c r="E706" s="77"/>
      <c r="F706" s="77"/>
    </row>
    <row r="707" spans="1:6" x14ac:dyDescent="0.2">
      <c r="A707" s="94"/>
      <c r="B707" s="95"/>
      <c r="C707" s="12"/>
      <c r="D707" s="77"/>
      <c r="E707" s="77"/>
      <c r="F707" s="77"/>
    </row>
    <row r="708" spans="1:6" x14ac:dyDescent="0.2">
      <c r="A708" s="94"/>
      <c r="B708" s="95"/>
      <c r="C708" s="12"/>
      <c r="D708" s="77"/>
      <c r="E708" s="77"/>
      <c r="F708" s="77"/>
    </row>
    <row r="709" spans="1:6" x14ac:dyDescent="0.2">
      <c r="A709" s="94"/>
      <c r="B709" s="95"/>
      <c r="C709" s="12"/>
      <c r="D709" s="77"/>
      <c r="E709" s="77"/>
      <c r="F709" s="77"/>
    </row>
    <row r="710" spans="1:6" x14ac:dyDescent="0.2">
      <c r="A710" s="94"/>
      <c r="B710" s="95"/>
      <c r="C710" s="12"/>
      <c r="D710" s="77"/>
      <c r="E710" s="77"/>
      <c r="F710" s="77"/>
    </row>
    <row r="711" spans="1:6" x14ac:dyDescent="0.2">
      <c r="A711" s="94"/>
      <c r="B711" s="95"/>
      <c r="C711" s="12"/>
      <c r="D711" s="77"/>
      <c r="E711" s="77"/>
      <c r="F711" s="77"/>
    </row>
    <row r="712" spans="1:6" x14ac:dyDescent="0.2">
      <c r="A712" s="94"/>
      <c r="B712" s="95"/>
      <c r="C712" s="12"/>
      <c r="D712" s="77"/>
      <c r="E712" s="77"/>
      <c r="F712" s="77"/>
    </row>
    <row r="713" spans="1:6" x14ac:dyDescent="0.2">
      <c r="A713" s="94"/>
      <c r="B713" s="95"/>
      <c r="C713" s="12"/>
      <c r="D713" s="77"/>
      <c r="E713" s="77"/>
      <c r="F713" s="77"/>
    </row>
    <row r="714" spans="1:6" x14ac:dyDescent="0.2">
      <c r="A714" s="94"/>
      <c r="B714" s="95"/>
      <c r="C714" s="12"/>
      <c r="D714" s="77"/>
      <c r="E714" s="77"/>
      <c r="F714" s="77"/>
    </row>
    <row r="715" spans="1:6" x14ac:dyDescent="0.2">
      <c r="A715" s="94"/>
      <c r="B715" s="95"/>
      <c r="C715" s="12"/>
      <c r="D715" s="77"/>
      <c r="E715" s="77"/>
      <c r="F715" s="77"/>
    </row>
    <row r="716" spans="1:6" x14ac:dyDescent="0.2">
      <c r="A716" s="94"/>
      <c r="B716" s="95"/>
      <c r="C716" s="12"/>
      <c r="D716" s="77"/>
      <c r="E716" s="77"/>
      <c r="F716" s="77"/>
    </row>
    <row r="717" spans="1:6" x14ac:dyDescent="0.2">
      <c r="A717" s="94"/>
      <c r="B717" s="95"/>
      <c r="C717" s="12"/>
      <c r="D717" s="77"/>
      <c r="E717" s="77"/>
      <c r="F717" s="77"/>
    </row>
    <row r="718" spans="1:6" x14ac:dyDescent="0.2">
      <c r="A718" s="94"/>
      <c r="B718" s="95"/>
      <c r="C718" s="12"/>
      <c r="D718" s="77"/>
      <c r="E718" s="77"/>
      <c r="F718" s="77"/>
    </row>
    <row r="719" spans="1:6" x14ac:dyDescent="0.2">
      <c r="A719" s="94"/>
      <c r="B719" s="95"/>
      <c r="C719" s="12"/>
      <c r="D719" s="77"/>
      <c r="E719" s="77"/>
      <c r="F719" s="77"/>
    </row>
    <row r="720" spans="1:6" x14ac:dyDescent="0.2">
      <c r="A720" s="94"/>
      <c r="B720" s="95"/>
      <c r="C720" s="12"/>
      <c r="D720" s="77"/>
      <c r="E720" s="77"/>
      <c r="F720" s="77"/>
    </row>
    <row r="721" spans="1:6" x14ac:dyDescent="0.2">
      <c r="A721" s="94"/>
      <c r="B721" s="95"/>
      <c r="C721" s="12"/>
      <c r="D721" s="77"/>
      <c r="E721" s="77"/>
      <c r="F721" s="77"/>
    </row>
    <row r="722" spans="1:6" x14ac:dyDescent="0.2">
      <c r="A722" s="94"/>
      <c r="B722" s="95"/>
      <c r="C722" s="12"/>
      <c r="D722" s="77"/>
      <c r="E722" s="77"/>
      <c r="F722" s="77"/>
    </row>
    <row r="723" spans="1:6" x14ac:dyDescent="0.2">
      <c r="A723" s="94"/>
      <c r="B723" s="95"/>
      <c r="C723" s="12"/>
      <c r="D723" s="77"/>
      <c r="E723" s="77"/>
      <c r="F723" s="77"/>
    </row>
    <row r="724" spans="1:6" x14ac:dyDescent="0.2">
      <c r="A724" s="94"/>
      <c r="B724" s="95"/>
      <c r="C724" s="12"/>
      <c r="D724" s="77"/>
      <c r="E724" s="77"/>
      <c r="F724" s="77"/>
    </row>
    <row r="725" spans="1:6" x14ac:dyDescent="0.2">
      <c r="A725" s="94"/>
      <c r="B725" s="95"/>
      <c r="C725" s="12"/>
      <c r="D725" s="77"/>
      <c r="E725" s="77"/>
      <c r="F725" s="77"/>
    </row>
    <row r="726" spans="1:6" x14ac:dyDescent="0.2">
      <c r="A726" s="94"/>
      <c r="B726" s="95"/>
      <c r="C726" s="12"/>
      <c r="D726" s="77"/>
      <c r="E726" s="77"/>
      <c r="F726" s="77"/>
    </row>
    <row r="727" spans="1:6" x14ac:dyDescent="0.2">
      <c r="A727" s="94"/>
      <c r="B727" s="95"/>
      <c r="C727" s="12"/>
      <c r="D727" s="77"/>
      <c r="E727" s="77"/>
      <c r="F727" s="77"/>
    </row>
    <row r="728" spans="1:6" x14ac:dyDescent="0.2">
      <c r="A728" s="94"/>
      <c r="B728" s="95"/>
      <c r="C728" s="12"/>
      <c r="D728" s="77"/>
      <c r="E728" s="77"/>
      <c r="F728" s="77"/>
    </row>
    <row r="729" spans="1:6" x14ac:dyDescent="0.2">
      <c r="A729" s="94"/>
      <c r="B729" s="95"/>
      <c r="C729" s="12"/>
      <c r="D729" s="77"/>
      <c r="E729" s="77"/>
      <c r="F729" s="77"/>
    </row>
    <row r="730" spans="1:6" x14ac:dyDescent="0.2">
      <c r="A730" s="94"/>
      <c r="B730" s="95"/>
      <c r="C730" s="12"/>
      <c r="D730" s="77"/>
      <c r="E730" s="77"/>
      <c r="F730" s="77"/>
    </row>
    <row r="731" spans="1:6" x14ac:dyDescent="0.2">
      <c r="A731" s="94"/>
      <c r="B731" s="95"/>
      <c r="C731" s="12"/>
      <c r="D731" s="77"/>
      <c r="E731" s="77"/>
      <c r="F731" s="77"/>
    </row>
    <row r="732" spans="1:6" x14ac:dyDescent="0.2">
      <c r="A732" s="94"/>
      <c r="B732" s="95"/>
      <c r="C732" s="12"/>
      <c r="D732" s="77"/>
      <c r="E732" s="77"/>
      <c r="F732" s="77"/>
    </row>
    <row r="733" spans="1:6" x14ac:dyDescent="0.2">
      <c r="A733" s="94"/>
      <c r="B733" s="95"/>
      <c r="C733" s="12"/>
      <c r="D733" s="77"/>
      <c r="E733" s="77"/>
      <c r="F733" s="77"/>
    </row>
    <row r="734" spans="1:6" x14ac:dyDescent="0.2">
      <c r="A734" s="94"/>
      <c r="B734" s="95"/>
      <c r="C734" s="12"/>
      <c r="D734" s="77"/>
      <c r="E734" s="77"/>
      <c r="F734" s="77"/>
    </row>
    <row r="735" spans="1:6" x14ac:dyDescent="0.2">
      <c r="A735" s="94"/>
      <c r="B735" s="95"/>
      <c r="C735" s="12"/>
      <c r="D735" s="77"/>
      <c r="E735" s="77"/>
      <c r="F735" s="77"/>
    </row>
    <row r="736" spans="1:6" x14ac:dyDescent="0.2">
      <c r="A736" s="94"/>
      <c r="B736" s="95"/>
      <c r="C736" s="12"/>
      <c r="D736" s="77"/>
      <c r="E736" s="77"/>
      <c r="F736" s="77"/>
    </row>
    <row r="737" spans="1:6" x14ac:dyDescent="0.2">
      <c r="A737" s="94"/>
      <c r="B737" s="95"/>
      <c r="C737" s="12"/>
      <c r="D737" s="77"/>
      <c r="E737" s="77"/>
      <c r="F737" s="77"/>
    </row>
    <row r="738" spans="1:6" x14ac:dyDescent="0.2">
      <c r="A738" s="94"/>
      <c r="B738" s="95"/>
      <c r="C738" s="12"/>
      <c r="D738" s="77"/>
      <c r="E738" s="77"/>
      <c r="F738" s="77"/>
    </row>
    <row r="739" spans="1:6" x14ac:dyDescent="0.2">
      <c r="A739" s="94"/>
      <c r="B739" s="95"/>
      <c r="C739" s="12"/>
      <c r="D739" s="77"/>
      <c r="E739" s="77"/>
      <c r="F739" s="77"/>
    </row>
    <row r="740" spans="1:6" x14ac:dyDescent="0.2">
      <c r="A740" s="94"/>
      <c r="B740" s="95"/>
      <c r="C740" s="12"/>
      <c r="D740" s="77"/>
      <c r="E740" s="77"/>
      <c r="F740" s="77"/>
    </row>
    <row r="741" spans="1:6" x14ac:dyDescent="0.2">
      <c r="A741" s="94"/>
      <c r="B741" s="95"/>
      <c r="C741" s="12"/>
      <c r="D741" s="77"/>
      <c r="E741" s="77"/>
      <c r="F741" s="77"/>
    </row>
    <row r="742" spans="1:6" x14ac:dyDescent="0.2">
      <c r="A742" s="94"/>
      <c r="B742" s="95"/>
      <c r="C742" s="12"/>
      <c r="D742" s="77"/>
      <c r="E742" s="77"/>
      <c r="F742" s="77"/>
    </row>
    <row r="743" spans="1:6" x14ac:dyDescent="0.2">
      <c r="A743" s="94"/>
      <c r="B743" s="95"/>
      <c r="C743" s="12"/>
      <c r="D743" s="77"/>
      <c r="E743" s="77"/>
      <c r="F743" s="77"/>
    </row>
    <row r="744" spans="1:6" x14ac:dyDescent="0.2">
      <c r="A744" s="94"/>
      <c r="B744" s="95"/>
      <c r="C744" s="12"/>
      <c r="D744" s="77"/>
      <c r="E744" s="77"/>
      <c r="F744" s="77"/>
    </row>
    <row r="745" spans="1:6" x14ac:dyDescent="0.2">
      <c r="A745" s="94"/>
      <c r="B745" s="95"/>
      <c r="C745" s="12"/>
      <c r="D745" s="77"/>
      <c r="E745" s="77"/>
      <c r="F745" s="77"/>
    </row>
    <row r="746" spans="1:6" x14ac:dyDescent="0.2">
      <c r="A746" s="94"/>
      <c r="B746" s="95"/>
      <c r="C746" s="12"/>
      <c r="D746" s="77"/>
      <c r="E746" s="77"/>
      <c r="F746" s="77"/>
    </row>
    <row r="747" spans="1:6" x14ac:dyDescent="0.2">
      <c r="A747" s="94"/>
      <c r="B747" s="95"/>
      <c r="C747" s="12"/>
      <c r="D747" s="77"/>
      <c r="E747" s="77"/>
      <c r="F747" s="77"/>
    </row>
    <row r="748" spans="1:6" x14ac:dyDescent="0.2">
      <c r="A748" s="94"/>
      <c r="B748" s="95"/>
      <c r="C748" s="12"/>
      <c r="D748" s="77"/>
      <c r="E748" s="77"/>
      <c r="F748" s="77"/>
    </row>
    <row r="749" spans="1:6" x14ac:dyDescent="0.2">
      <c r="A749" s="94"/>
      <c r="B749" s="95"/>
      <c r="C749" s="12"/>
      <c r="D749" s="77"/>
      <c r="E749" s="77"/>
      <c r="F749" s="77"/>
    </row>
    <row r="750" spans="1:6" x14ac:dyDescent="0.2">
      <c r="A750" s="94"/>
      <c r="B750" s="95"/>
      <c r="C750" s="12"/>
      <c r="D750" s="77"/>
      <c r="E750" s="77"/>
      <c r="F750" s="77"/>
    </row>
    <row r="751" spans="1:6" x14ac:dyDescent="0.2">
      <c r="A751" s="94"/>
      <c r="B751" s="95"/>
      <c r="C751" s="12"/>
      <c r="D751" s="77"/>
      <c r="E751" s="77"/>
      <c r="F751" s="77"/>
    </row>
    <row r="752" spans="1:6" x14ac:dyDescent="0.2">
      <c r="A752" s="94"/>
      <c r="B752" s="95"/>
      <c r="C752" s="12"/>
      <c r="D752" s="77"/>
      <c r="E752" s="77"/>
      <c r="F752" s="77"/>
    </row>
    <row r="753" spans="1:6" x14ac:dyDescent="0.2">
      <c r="A753" s="94"/>
      <c r="B753" s="95"/>
      <c r="C753" s="12"/>
      <c r="D753" s="77"/>
      <c r="E753" s="77"/>
      <c r="F753" s="77"/>
    </row>
    <row r="754" spans="1:6" x14ac:dyDescent="0.2">
      <c r="A754" s="94"/>
      <c r="B754" s="95"/>
      <c r="C754" s="12"/>
      <c r="D754" s="77"/>
      <c r="E754" s="77"/>
      <c r="F754" s="77"/>
    </row>
    <row r="755" spans="1:6" x14ac:dyDescent="0.2">
      <c r="A755" s="94"/>
      <c r="B755" s="95"/>
      <c r="C755" s="12"/>
      <c r="D755" s="77"/>
      <c r="E755" s="77"/>
      <c r="F755" s="77"/>
    </row>
    <row r="756" spans="1:6" x14ac:dyDescent="0.2">
      <c r="A756" s="94"/>
      <c r="B756" s="95"/>
      <c r="C756" s="12"/>
      <c r="D756" s="77"/>
      <c r="E756" s="77"/>
      <c r="F756" s="77"/>
    </row>
    <row r="757" spans="1:6" x14ac:dyDescent="0.2">
      <c r="A757" s="94"/>
      <c r="B757" s="95"/>
      <c r="C757" s="12"/>
      <c r="D757" s="77"/>
      <c r="E757" s="77"/>
      <c r="F757" s="77"/>
    </row>
    <row r="758" spans="1:6" x14ac:dyDescent="0.2">
      <c r="A758" s="94"/>
      <c r="B758" s="95"/>
      <c r="C758" s="12"/>
      <c r="D758" s="77"/>
      <c r="E758" s="77"/>
      <c r="F758" s="77"/>
    </row>
    <row r="759" spans="1:6" x14ac:dyDescent="0.2">
      <c r="A759" s="94"/>
      <c r="B759" s="95"/>
      <c r="C759" s="12"/>
      <c r="D759" s="77"/>
      <c r="E759" s="77"/>
      <c r="F759" s="77"/>
    </row>
    <row r="760" spans="1:6" x14ac:dyDescent="0.2">
      <c r="A760" s="94"/>
      <c r="B760" s="95"/>
      <c r="C760" s="12"/>
      <c r="D760" s="77"/>
      <c r="E760" s="77"/>
      <c r="F760" s="77"/>
    </row>
    <row r="761" spans="1:6" x14ac:dyDescent="0.2">
      <c r="A761" s="94"/>
      <c r="B761" s="95"/>
      <c r="C761" s="12"/>
      <c r="D761" s="77"/>
      <c r="E761" s="77"/>
      <c r="F761" s="77"/>
    </row>
    <row r="762" spans="1:6" x14ac:dyDescent="0.2">
      <c r="A762" s="94"/>
      <c r="B762" s="95"/>
      <c r="C762" s="12"/>
      <c r="D762" s="77"/>
      <c r="E762" s="77"/>
      <c r="F762" s="77"/>
    </row>
    <row r="763" spans="1:6" x14ac:dyDescent="0.2">
      <c r="A763" s="94"/>
      <c r="B763" s="95"/>
      <c r="C763" s="12"/>
      <c r="D763" s="77"/>
      <c r="E763" s="77"/>
      <c r="F763" s="77"/>
    </row>
    <row r="764" spans="1:6" x14ac:dyDescent="0.2">
      <c r="A764" s="94"/>
      <c r="B764" s="95"/>
      <c r="C764" s="12"/>
      <c r="D764" s="77"/>
      <c r="E764" s="77"/>
      <c r="F764" s="77"/>
    </row>
    <row r="765" spans="1:6" x14ac:dyDescent="0.2">
      <c r="A765" s="94"/>
      <c r="B765" s="95"/>
      <c r="C765" s="12"/>
      <c r="D765" s="77"/>
      <c r="E765" s="77"/>
      <c r="F765" s="77"/>
    </row>
    <row r="766" spans="1:6" x14ac:dyDescent="0.2">
      <c r="A766" s="94"/>
      <c r="B766" s="95"/>
      <c r="C766" s="12"/>
      <c r="D766" s="77"/>
      <c r="E766" s="77"/>
      <c r="F766" s="77"/>
    </row>
    <row r="767" spans="1:6" x14ac:dyDescent="0.2">
      <c r="A767" s="94"/>
      <c r="B767" s="95"/>
      <c r="C767" s="12"/>
      <c r="D767" s="77"/>
      <c r="E767" s="77"/>
      <c r="F767" s="77"/>
    </row>
    <row r="768" spans="1:6" x14ac:dyDescent="0.2">
      <c r="A768" s="94"/>
      <c r="B768" s="95"/>
      <c r="C768" s="12"/>
      <c r="D768" s="77"/>
      <c r="E768" s="77"/>
      <c r="F768" s="77"/>
    </row>
    <row r="769" spans="1:6" x14ac:dyDescent="0.2">
      <c r="A769" s="94"/>
      <c r="B769" s="95"/>
      <c r="C769" s="12"/>
      <c r="D769" s="77"/>
      <c r="E769" s="77"/>
      <c r="F769" s="77"/>
    </row>
    <row r="770" spans="1:6" x14ac:dyDescent="0.2">
      <c r="A770" s="94"/>
      <c r="B770" s="95"/>
      <c r="C770" s="12"/>
      <c r="D770" s="77"/>
      <c r="E770" s="77"/>
      <c r="F770" s="77"/>
    </row>
    <row r="771" spans="1:6" x14ac:dyDescent="0.2">
      <c r="A771" s="94"/>
      <c r="B771" s="95"/>
      <c r="C771" s="12"/>
      <c r="D771" s="77"/>
      <c r="E771" s="77"/>
      <c r="F771" s="77"/>
    </row>
    <row r="772" spans="1:6" x14ac:dyDescent="0.2">
      <c r="A772" s="94"/>
      <c r="B772" s="95"/>
      <c r="C772" s="12"/>
      <c r="D772" s="77"/>
      <c r="E772" s="77"/>
      <c r="F772" s="77"/>
    </row>
    <row r="773" spans="1:6" x14ac:dyDescent="0.2">
      <c r="A773" s="94"/>
      <c r="B773" s="95"/>
      <c r="C773" s="12"/>
      <c r="D773" s="77"/>
      <c r="E773" s="77"/>
      <c r="F773" s="77"/>
    </row>
    <row r="774" spans="1:6" x14ac:dyDescent="0.2">
      <c r="A774" s="94"/>
      <c r="B774" s="95"/>
      <c r="C774" s="12"/>
      <c r="D774" s="77"/>
      <c r="E774" s="77"/>
      <c r="F774" s="77"/>
    </row>
    <row r="775" spans="1:6" x14ac:dyDescent="0.2">
      <c r="A775" s="94"/>
      <c r="B775" s="95"/>
      <c r="C775" s="12"/>
      <c r="D775" s="77"/>
      <c r="E775" s="77"/>
      <c r="F775" s="77"/>
    </row>
    <row r="776" spans="1:6" x14ac:dyDescent="0.2">
      <c r="A776" s="94"/>
      <c r="B776" s="95"/>
      <c r="C776" s="12"/>
      <c r="D776" s="77"/>
      <c r="E776" s="77"/>
      <c r="F776" s="77"/>
    </row>
    <row r="777" spans="1:6" x14ac:dyDescent="0.2">
      <c r="A777" s="94"/>
      <c r="B777" s="95"/>
      <c r="C777" s="12"/>
      <c r="D777" s="77"/>
      <c r="E777" s="77"/>
      <c r="F777" s="77"/>
    </row>
    <row r="778" spans="1:6" x14ac:dyDescent="0.2">
      <c r="A778" s="94"/>
      <c r="B778" s="95"/>
      <c r="C778" s="12"/>
      <c r="D778" s="77"/>
      <c r="E778" s="77"/>
      <c r="F778" s="77"/>
    </row>
    <row r="779" spans="1:6" x14ac:dyDescent="0.2">
      <c r="A779" s="94"/>
      <c r="B779" s="95"/>
      <c r="C779" s="12"/>
      <c r="D779" s="77"/>
      <c r="E779" s="77"/>
      <c r="F779" s="77"/>
    </row>
    <row r="780" spans="1:6" x14ac:dyDescent="0.2">
      <c r="A780" s="94"/>
      <c r="B780" s="95"/>
      <c r="C780" s="12"/>
      <c r="D780" s="77"/>
      <c r="E780" s="77"/>
      <c r="F780" s="77"/>
    </row>
    <row r="781" spans="1:6" x14ac:dyDescent="0.2">
      <c r="A781" s="94"/>
      <c r="B781" s="95"/>
      <c r="C781" s="12"/>
      <c r="D781" s="77"/>
      <c r="E781" s="77"/>
      <c r="F781" s="77"/>
    </row>
    <row r="782" spans="1:6" x14ac:dyDescent="0.2">
      <c r="A782" s="94"/>
      <c r="B782" s="95"/>
      <c r="C782" s="12"/>
      <c r="D782" s="77"/>
      <c r="E782" s="77"/>
      <c r="F782" s="77"/>
    </row>
    <row r="783" spans="1:6" x14ac:dyDescent="0.2">
      <c r="A783" s="94"/>
      <c r="B783" s="95"/>
      <c r="C783" s="12"/>
      <c r="D783" s="77"/>
      <c r="E783" s="77"/>
      <c r="F783" s="77"/>
    </row>
    <row r="784" spans="1:6" x14ac:dyDescent="0.2">
      <c r="A784" s="94"/>
      <c r="B784" s="95"/>
      <c r="C784" s="12"/>
      <c r="D784" s="77"/>
      <c r="E784" s="77"/>
      <c r="F784" s="77"/>
    </row>
    <row r="785" spans="1:6" x14ac:dyDescent="0.2">
      <c r="A785" s="94"/>
      <c r="B785" s="95"/>
      <c r="C785" s="12"/>
      <c r="D785" s="77"/>
      <c r="E785" s="77"/>
      <c r="F785" s="77"/>
    </row>
    <row r="786" spans="1:6" x14ac:dyDescent="0.2">
      <c r="A786" s="94"/>
      <c r="B786" s="95"/>
      <c r="C786" s="12"/>
      <c r="D786" s="77"/>
      <c r="E786" s="77"/>
      <c r="F786" s="77"/>
    </row>
    <row r="787" spans="1:6" x14ac:dyDescent="0.2">
      <c r="A787" s="94"/>
      <c r="B787" s="95"/>
      <c r="C787" s="12"/>
      <c r="D787" s="77"/>
      <c r="E787" s="77"/>
      <c r="F787" s="77"/>
    </row>
    <row r="788" spans="1:6" x14ac:dyDescent="0.2">
      <c r="A788" s="94"/>
      <c r="B788" s="95"/>
      <c r="C788" s="12"/>
      <c r="D788" s="77"/>
      <c r="E788" s="77"/>
      <c r="F788" s="77"/>
    </row>
    <row r="789" spans="1:6" x14ac:dyDescent="0.2">
      <c r="A789" s="94"/>
      <c r="B789" s="95"/>
      <c r="C789" s="12"/>
      <c r="D789" s="77"/>
      <c r="E789" s="77"/>
      <c r="F789" s="77"/>
    </row>
    <row r="790" spans="1:6" x14ac:dyDescent="0.2">
      <c r="A790" s="94"/>
      <c r="B790" s="95"/>
      <c r="C790" s="12"/>
      <c r="D790" s="77"/>
      <c r="E790" s="77"/>
      <c r="F790" s="77"/>
    </row>
    <row r="791" spans="1:6" x14ac:dyDescent="0.2">
      <c r="A791" s="94"/>
      <c r="B791" s="95"/>
      <c r="C791" s="12"/>
      <c r="D791" s="77"/>
      <c r="E791" s="77"/>
      <c r="F791" s="77"/>
    </row>
    <row r="792" spans="1:6" x14ac:dyDescent="0.2">
      <c r="A792" s="94"/>
      <c r="B792" s="95"/>
      <c r="C792" s="12"/>
      <c r="D792" s="77"/>
      <c r="E792" s="77"/>
      <c r="F792" s="77"/>
    </row>
    <row r="793" spans="1:6" x14ac:dyDescent="0.2">
      <c r="A793" s="94"/>
      <c r="B793" s="95"/>
      <c r="C793" s="12"/>
      <c r="D793" s="77"/>
      <c r="E793" s="77"/>
      <c r="F793" s="77"/>
    </row>
    <row r="794" spans="1:6" x14ac:dyDescent="0.2">
      <c r="A794" s="94"/>
      <c r="B794" s="95"/>
      <c r="C794" s="12"/>
      <c r="D794" s="77"/>
      <c r="E794" s="77"/>
      <c r="F794" s="77"/>
    </row>
    <row r="795" spans="1:6" x14ac:dyDescent="0.2">
      <c r="A795" s="94"/>
      <c r="B795" s="95"/>
      <c r="C795" s="12"/>
      <c r="D795" s="77"/>
      <c r="E795" s="77"/>
      <c r="F795" s="77"/>
    </row>
    <row r="796" spans="1:6" x14ac:dyDescent="0.2">
      <c r="A796" s="94"/>
      <c r="B796" s="95"/>
      <c r="C796" s="12"/>
      <c r="D796" s="77"/>
      <c r="E796" s="77"/>
      <c r="F796" s="77"/>
    </row>
    <row r="797" spans="1:6" x14ac:dyDescent="0.2">
      <c r="A797" s="94"/>
      <c r="B797" s="95"/>
      <c r="C797" s="12"/>
      <c r="D797" s="77"/>
      <c r="E797" s="77"/>
      <c r="F797" s="77"/>
    </row>
    <row r="798" spans="1:6" x14ac:dyDescent="0.2">
      <c r="A798" s="94"/>
      <c r="B798" s="95"/>
      <c r="C798" s="12"/>
      <c r="D798" s="77"/>
      <c r="E798" s="77"/>
      <c r="F798" s="77"/>
    </row>
    <row r="799" spans="1:6" x14ac:dyDescent="0.2">
      <c r="A799" s="94"/>
      <c r="B799" s="95"/>
      <c r="C799" s="12"/>
      <c r="D799" s="77"/>
      <c r="E799" s="77"/>
      <c r="F799" s="77"/>
    </row>
    <row r="800" spans="1:6" x14ac:dyDescent="0.2">
      <c r="A800" s="94"/>
      <c r="B800" s="95"/>
      <c r="C800" s="12"/>
      <c r="D800" s="77"/>
      <c r="E800" s="77"/>
      <c r="F800" s="77"/>
    </row>
    <row r="801" spans="1:6" x14ac:dyDescent="0.2">
      <c r="A801" s="94"/>
      <c r="B801" s="95"/>
      <c r="C801" s="12"/>
      <c r="D801" s="77"/>
      <c r="E801" s="77"/>
      <c r="F801" s="77"/>
    </row>
    <row r="802" spans="1:6" x14ac:dyDescent="0.2">
      <c r="A802" s="94"/>
      <c r="B802" s="95"/>
      <c r="C802" s="12"/>
      <c r="D802" s="77"/>
      <c r="E802" s="77"/>
      <c r="F802" s="77"/>
    </row>
    <row r="803" spans="1:6" x14ac:dyDescent="0.2">
      <c r="A803" s="94"/>
      <c r="B803" s="95"/>
      <c r="C803" s="12"/>
      <c r="D803" s="77"/>
      <c r="E803" s="77"/>
      <c r="F803" s="77"/>
    </row>
    <row r="804" spans="1:6" x14ac:dyDescent="0.2">
      <c r="A804" s="94"/>
      <c r="B804" s="95"/>
      <c r="C804" s="12"/>
      <c r="D804" s="77"/>
      <c r="E804" s="77"/>
      <c r="F804" s="77"/>
    </row>
    <row r="805" spans="1:6" x14ac:dyDescent="0.2">
      <c r="A805" s="94"/>
      <c r="B805" s="95"/>
      <c r="C805" s="12"/>
      <c r="D805" s="77"/>
      <c r="E805" s="77"/>
      <c r="F805" s="77"/>
    </row>
    <row r="806" spans="1:6" x14ac:dyDescent="0.2">
      <c r="A806" s="94"/>
      <c r="B806" s="95"/>
      <c r="C806" s="12"/>
      <c r="D806" s="77"/>
      <c r="E806" s="77"/>
      <c r="F806" s="77"/>
    </row>
    <row r="807" spans="1:6" x14ac:dyDescent="0.2">
      <c r="A807" s="94"/>
      <c r="B807" s="95"/>
      <c r="C807" s="12"/>
      <c r="D807" s="77"/>
      <c r="E807" s="77"/>
      <c r="F807" s="77"/>
    </row>
    <row r="808" spans="1:6" x14ac:dyDescent="0.2">
      <c r="A808" s="94"/>
      <c r="B808" s="95"/>
      <c r="C808" s="12"/>
      <c r="D808" s="77"/>
      <c r="E808" s="77"/>
      <c r="F808" s="77"/>
    </row>
    <row r="809" spans="1:6" x14ac:dyDescent="0.2">
      <c r="A809" s="94"/>
      <c r="B809" s="95"/>
      <c r="C809" s="12"/>
      <c r="D809" s="77"/>
      <c r="E809" s="77"/>
      <c r="F809" s="77"/>
    </row>
    <row r="810" spans="1:6" x14ac:dyDescent="0.2">
      <c r="A810" s="94"/>
      <c r="B810" s="95"/>
      <c r="C810" s="12"/>
      <c r="D810" s="77"/>
      <c r="E810" s="77"/>
      <c r="F810" s="77"/>
    </row>
    <row r="811" spans="1:6" x14ac:dyDescent="0.2">
      <c r="A811" s="94"/>
      <c r="B811" s="95"/>
      <c r="C811" s="12"/>
      <c r="D811" s="77"/>
      <c r="E811" s="77"/>
      <c r="F811" s="77"/>
    </row>
    <row r="812" spans="1:6" x14ac:dyDescent="0.2">
      <c r="A812" s="94"/>
      <c r="B812" s="95"/>
      <c r="C812" s="12"/>
      <c r="D812" s="77"/>
      <c r="E812" s="77"/>
      <c r="F812" s="77"/>
    </row>
    <row r="813" spans="1:6" x14ac:dyDescent="0.2">
      <c r="A813" s="94"/>
      <c r="B813" s="95"/>
      <c r="C813" s="12"/>
      <c r="D813" s="77"/>
      <c r="E813" s="77"/>
      <c r="F813" s="77"/>
    </row>
    <row r="814" spans="1:6" x14ac:dyDescent="0.2">
      <c r="A814" s="94"/>
      <c r="B814" s="95"/>
      <c r="C814" s="12"/>
      <c r="D814" s="77"/>
      <c r="E814" s="77"/>
      <c r="F814" s="77"/>
    </row>
    <row r="815" spans="1:6" x14ac:dyDescent="0.2">
      <c r="A815" s="94"/>
      <c r="B815" s="95"/>
      <c r="C815" s="12"/>
      <c r="D815" s="77"/>
      <c r="E815" s="77"/>
      <c r="F815" s="77"/>
    </row>
    <row r="816" spans="1:6" x14ac:dyDescent="0.2">
      <c r="A816" s="94"/>
      <c r="B816" s="95"/>
      <c r="C816" s="12"/>
      <c r="D816" s="77"/>
      <c r="E816" s="77"/>
      <c r="F816" s="77"/>
    </row>
    <row r="817" spans="1:6" x14ac:dyDescent="0.2">
      <c r="A817" s="94"/>
      <c r="B817" s="95"/>
      <c r="C817" s="12"/>
      <c r="D817" s="77"/>
      <c r="E817" s="77"/>
      <c r="F817" s="77"/>
    </row>
    <row r="818" spans="1:6" x14ac:dyDescent="0.2">
      <c r="A818" s="94"/>
      <c r="B818" s="95"/>
      <c r="C818" s="12"/>
      <c r="D818" s="77"/>
      <c r="E818" s="77"/>
      <c r="F818" s="77"/>
    </row>
    <row r="819" spans="1:6" x14ac:dyDescent="0.2">
      <c r="A819" s="94"/>
      <c r="B819" s="95"/>
      <c r="C819" s="12"/>
      <c r="D819" s="77"/>
      <c r="E819" s="77"/>
      <c r="F819" s="77"/>
    </row>
    <row r="820" spans="1:6" x14ac:dyDescent="0.2">
      <c r="A820" s="94"/>
      <c r="B820" s="95"/>
      <c r="C820" s="12"/>
      <c r="D820" s="77"/>
      <c r="E820" s="77"/>
      <c r="F820" s="77"/>
    </row>
    <row r="821" spans="1:6" x14ac:dyDescent="0.2">
      <c r="A821" s="94"/>
      <c r="B821" s="95"/>
      <c r="C821" s="12"/>
      <c r="D821" s="77"/>
      <c r="E821" s="77"/>
      <c r="F821" s="77"/>
    </row>
    <row r="822" spans="1:6" x14ac:dyDescent="0.2">
      <c r="A822" s="94"/>
      <c r="B822" s="95"/>
      <c r="C822" s="12"/>
      <c r="D822" s="77"/>
      <c r="E822" s="77"/>
      <c r="F822" s="77"/>
    </row>
    <row r="823" spans="1:6" x14ac:dyDescent="0.2">
      <c r="A823" s="94"/>
      <c r="B823" s="95"/>
      <c r="C823" s="12"/>
      <c r="D823" s="77"/>
      <c r="E823" s="77"/>
      <c r="F823" s="77"/>
    </row>
    <row r="824" spans="1:6" x14ac:dyDescent="0.2">
      <c r="A824" s="94"/>
      <c r="B824" s="95"/>
      <c r="C824" s="12"/>
      <c r="D824" s="77"/>
      <c r="E824" s="77"/>
      <c r="F824" s="77"/>
    </row>
    <row r="825" spans="1:6" x14ac:dyDescent="0.2">
      <c r="A825" s="94"/>
      <c r="B825" s="95"/>
      <c r="C825" s="12"/>
      <c r="D825" s="77"/>
      <c r="E825" s="77"/>
      <c r="F825" s="77"/>
    </row>
    <row r="826" spans="1:6" x14ac:dyDescent="0.2">
      <c r="A826" s="94"/>
      <c r="B826" s="95"/>
      <c r="C826" s="12"/>
      <c r="D826" s="77"/>
      <c r="E826" s="77"/>
      <c r="F826" s="77"/>
    </row>
    <row r="827" spans="1:6" x14ac:dyDescent="0.2">
      <c r="A827" s="94"/>
      <c r="B827" s="95"/>
      <c r="C827" s="12"/>
      <c r="D827" s="77"/>
      <c r="E827" s="77"/>
      <c r="F827" s="77"/>
    </row>
    <row r="828" spans="1:6" x14ac:dyDescent="0.2">
      <c r="A828" s="94"/>
      <c r="B828" s="95"/>
      <c r="C828" s="12"/>
      <c r="D828" s="77"/>
      <c r="E828" s="77"/>
      <c r="F828" s="77"/>
    </row>
    <row r="829" spans="1:6" x14ac:dyDescent="0.2">
      <c r="A829" s="94"/>
      <c r="B829" s="95"/>
      <c r="C829" s="12"/>
      <c r="D829" s="77"/>
      <c r="E829" s="77"/>
      <c r="F829" s="77"/>
    </row>
    <row r="830" spans="1:6" x14ac:dyDescent="0.2">
      <c r="A830" s="94"/>
      <c r="B830" s="95"/>
      <c r="C830" s="12"/>
      <c r="D830" s="77"/>
      <c r="E830" s="77"/>
      <c r="F830" s="77"/>
    </row>
    <row r="831" spans="1:6" x14ac:dyDescent="0.2">
      <c r="A831" s="94"/>
      <c r="B831" s="95"/>
      <c r="C831" s="12"/>
      <c r="D831" s="77"/>
      <c r="E831" s="77"/>
      <c r="F831" s="77"/>
    </row>
    <row r="832" spans="1:6" x14ac:dyDescent="0.2">
      <c r="A832" s="94"/>
      <c r="B832" s="95"/>
      <c r="C832" s="12"/>
      <c r="D832" s="77"/>
      <c r="E832" s="77"/>
      <c r="F832" s="77"/>
    </row>
    <row r="833" spans="1:6" x14ac:dyDescent="0.2">
      <c r="A833" s="94"/>
      <c r="B833" s="95"/>
      <c r="C833" s="12"/>
      <c r="D833" s="77"/>
      <c r="E833" s="77"/>
      <c r="F833" s="77"/>
    </row>
    <row r="834" spans="1:6" x14ac:dyDescent="0.2">
      <c r="A834" s="94"/>
      <c r="B834" s="95"/>
      <c r="C834" s="12"/>
      <c r="D834" s="77"/>
      <c r="E834" s="77"/>
      <c r="F834" s="77"/>
    </row>
    <row r="835" spans="1:6" x14ac:dyDescent="0.2">
      <c r="A835" s="94"/>
      <c r="B835" s="95"/>
      <c r="C835" s="12"/>
      <c r="D835" s="77"/>
      <c r="E835" s="77"/>
      <c r="F835" s="77"/>
    </row>
    <row r="836" spans="1:6" x14ac:dyDescent="0.2">
      <c r="A836" s="94"/>
      <c r="B836" s="95"/>
      <c r="C836" s="12"/>
      <c r="D836" s="77"/>
      <c r="E836" s="77"/>
      <c r="F836" s="77"/>
    </row>
    <row r="837" spans="1:6" x14ac:dyDescent="0.2">
      <c r="A837" s="94"/>
      <c r="B837" s="95"/>
      <c r="C837" s="12"/>
      <c r="D837" s="77"/>
      <c r="E837" s="77"/>
      <c r="F837" s="77"/>
    </row>
    <row r="838" spans="1:6" x14ac:dyDescent="0.2">
      <c r="A838" s="94"/>
      <c r="B838" s="95"/>
      <c r="C838" s="12"/>
      <c r="D838" s="77"/>
      <c r="E838" s="77"/>
      <c r="F838" s="77"/>
    </row>
    <row r="839" spans="1:6" x14ac:dyDescent="0.2">
      <c r="A839" s="94"/>
      <c r="B839" s="95"/>
      <c r="C839" s="12"/>
      <c r="D839" s="77"/>
      <c r="E839" s="77"/>
      <c r="F839" s="77"/>
    </row>
    <row r="840" spans="1:6" x14ac:dyDescent="0.2">
      <c r="A840" s="94"/>
      <c r="B840" s="95"/>
      <c r="C840" s="12"/>
      <c r="D840" s="77"/>
      <c r="E840" s="77"/>
      <c r="F840" s="77"/>
    </row>
    <row r="841" spans="1:6" x14ac:dyDescent="0.2">
      <c r="A841" s="94"/>
      <c r="B841" s="95"/>
      <c r="C841" s="12"/>
      <c r="D841" s="77"/>
      <c r="E841" s="77"/>
      <c r="F841" s="77"/>
    </row>
    <row r="842" spans="1:6" x14ac:dyDescent="0.2">
      <c r="A842" s="94"/>
      <c r="B842" s="95"/>
      <c r="C842" s="12"/>
      <c r="D842" s="77"/>
      <c r="E842" s="77"/>
      <c r="F842" s="77"/>
    </row>
    <row r="843" spans="1:6" x14ac:dyDescent="0.2">
      <c r="A843" s="94"/>
      <c r="B843" s="95"/>
      <c r="C843" s="12"/>
      <c r="D843" s="77"/>
      <c r="E843" s="77"/>
      <c r="F843" s="77"/>
    </row>
    <row r="844" spans="1:6" x14ac:dyDescent="0.2">
      <c r="A844" s="94"/>
      <c r="B844" s="95"/>
      <c r="C844" s="12"/>
      <c r="D844" s="77"/>
      <c r="E844" s="77"/>
      <c r="F844" s="77"/>
    </row>
    <row r="845" spans="1:6" x14ac:dyDescent="0.2">
      <c r="A845" s="94"/>
      <c r="B845" s="95"/>
      <c r="C845" s="12"/>
      <c r="D845" s="77"/>
      <c r="E845" s="77"/>
      <c r="F845" s="77"/>
    </row>
    <row r="846" spans="1:6" x14ac:dyDescent="0.2">
      <c r="A846" s="94"/>
      <c r="B846" s="95"/>
      <c r="C846" s="12"/>
      <c r="D846" s="77"/>
      <c r="E846" s="77"/>
      <c r="F846" s="77"/>
    </row>
    <row r="847" spans="1:6" x14ac:dyDescent="0.2">
      <c r="A847" s="94"/>
      <c r="B847" s="95"/>
      <c r="C847" s="12"/>
      <c r="D847" s="77"/>
      <c r="E847" s="77"/>
      <c r="F847" s="77"/>
    </row>
    <row r="848" spans="1:6" x14ac:dyDescent="0.2">
      <c r="A848" s="94"/>
      <c r="B848" s="95"/>
      <c r="C848" s="12"/>
      <c r="D848" s="77"/>
      <c r="E848" s="77"/>
      <c r="F848" s="77"/>
    </row>
    <row r="849" spans="1:6" x14ac:dyDescent="0.2">
      <c r="A849" s="94"/>
      <c r="B849" s="95"/>
      <c r="C849" s="12"/>
      <c r="D849" s="77"/>
      <c r="E849" s="77"/>
      <c r="F849" s="77"/>
    </row>
    <row r="850" spans="1:6" x14ac:dyDescent="0.2">
      <c r="A850" s="94"/>
      <c r="B850" s="95"/>
      <c r="C850" s="12"/>
      <c r="D850" s="77"/>
      <c r="E850" s="77"/>
      <c r="F850" s="77"/>
    </row>
    <row r="851" spans="1:6" x14ac:dyDescent="0.2">
      <c r="A851" s="94"/>
      <c r="B851" s="95"/>
      <c r="C851" s="12"/>
      <c r="D851" s="77"/>
      <c r="E851" s="77"/>
      <c r="F851" s="77"/>
    </row>
    <row r="852" spans="1:6" x14ac:dyDescent="0.2">
      <c r="A852" s="94"/>
      <c r="B852" s="95"/>
      <c r="C852" s="12"/>
      <c r="D852" s="77"/>
      <c r="E852" s="77"/>
      <c r="F852" s="77"/>
    </row>
    <row r="853" spans="1:6" x14ac:dyDescent="0.2">
      <c r="A853" s="94"/>
      <c r="B853" s="95"/>
      <c r="C853" s="12"/>
      <c r="D853" s="77"/>
      <c r="E853" s="77"/>
      <c r="F853" s="77"/>
    </row>
    <row r="854" spans="1:6" x14ac:dyDescent="0.2">
      <c r="A854" s="94"/>
      <c r="B854" s="95"/>
      <c r="C854" s="12"/>
      <c r="D854" s="77"/>
      <c r="E854" s="77"/>
      <c r="F854" s="77"/>
    </row>
    <row r="855" spans="1:6" x14ac:dyDescent="0.2">
      <c r="A855" s="94"/>
      <c r="B855" s="95"/>
      <c r="C855" s="12"/>
      <c r="D855" s="77"/>
      <c r="E855" s="77"/>
      <c r="F855" s="77"/>
    </row>
    <row r="856" spans="1:6" x14ac:dyDescent="0.2">
      <c r="A856" s="94"/>
      <c r="B856" s="95"/>
      <c r="C856" s="12"/>
      <c r="D856" s="77"/>
      <c r="E856" s="77"/>
      <c r="F856" s="77"/>
    </row>
    <row r="857" spans="1:6" x14ac:dyDescent="0.2">
      <c r="A857" s="94"/>
      <c r="B857" s="95"/>
      <c r="C857" s="12"/>
      <c r="D857" s="77"/>
      <c r="E857" s="77"/>
      <c r="F857" s="77"/>
    </row>
    <row r="858" spans="1:6" x14ac:dyDescent="0.2">
      <c r="A858" s="94"/>
      <c r="B858" s="95"/>
      <c r="C858" s="12"/>
      <c r="D858" s="77"/>
      <c r="E858" s="77"/>
      <c r="F858" s="77"/>
    </row>
    <row r="859" spans="1:6" x14ac:dyDescent="0.2">
      <c r="A859" s="94"/>
      <c r="B859" s="95"/>
      <c r="C859" s="12"/>
      <c r="D859" s="77"/>
      <c r="E859" s="77"/>
      <c r="F859" s="77"/>
    </row>
    <row r="860" spans="1:6" x14ac:dyDescent="0.2">
      <c r="A860" s="94"/>
      <c r="B860" s="95"/>
      <c r="C860" s="12"/>
      <c r="D860" s="77"/>
      <c r="E860" s="77"/>
      <c r="F860" s="77"/>
    </row>
    <row r="861" spans="1:6" x14ac:dyDescent="0.2">
      <c r="A861" s="94"/>
      <c r="B861" s="95"/>
      <c r="C861" s="12"/>
      <c r="D861" s="77"/>
      <c r="E861" s="77"/>
      <c r="F861" s="77"/>
    </row>
    <row r="862" spans="1:6" x14ac:dyDescent="0.2">
      <c r="A862" s="94"/>
      <c r="B862" s="95"/>
      <c r="C862" s="12"/>
      <c r="D862" s="77"/>
      <c r="E862" s="77"/>
      <c r="F862" s="77"/>
    </row>
    <row r="863" spans="1:6" x14ac:dyDescent="0.2">
      <c r="A863" s="94"/>
      <c r="B863" s="95"/>
      <c r="C863" s="12"/>
      <c r="D863" s="77"/>
      <c r="E863" s="77"/>
      <c r="F863" s="77"/>
    </row>
    <row r="864" spans="1:6" x14ac:dyDescent="0.2">
      <c r="A864" s="94"/>
      <c r="B864" s="95"/>
      <c r="C864" s="12"/>
      <c r="D864" s="77"/>
      <c r="E864" s="77"/>
      <c r="F864" s="77"/>
    </row>
    <row r="865" spans="1:6" x14ac:dyDescent="0.2">
      <c r="A865" s="94"/>
      <c r="B865" s="95"/>
      <c r="C865" s="12"/>
      <c r="D865" s="77"/>
      <c r="E865" s="77"/>
      <c r="F865" s="77"/>
    </row>
    <row r="866" spans="1:6" x14ac:dyDescent="0.2">
      <c r="A866" s="94"/>
      <c r="B866" s="95"/>
      <c r="C866" s="12"/>
      <c r="D866" s="77"/>
      <c r="E866" s="77"/>
      <c r="F866" s="77"/>
    </row>
    <row r="867" spans="1:6" x14ac:dyDescent="0.2">
      <c r="A867" s="94"/>
      <c r="B867" s="95"/>
      <c r="C867" s="12"/>
      <c r="D867" s="77"/>
      <c r="E867" s="77"/>
      <c r="F867" s="77"/>
    </row>
    <row r="868" spans="1:6" x14ac:dyDescent="0.2">
      <c r="A868" s="94"/>
      <c r="B868" s="95"/>
      <c r="C868" s="12"/>
      <c r="D868" s="77"/>
      <c r="E868" s="77"/>
      <c r="F868" s="77"/>
    </row>
    <row r="869" spans="1:6" x14ac:dyDescent="0.2">
      <c r="A869" s="94"/>
      <c r="B869" s="95"/>
      <c r="C869" s="12"/>
      <c r="D869" s="77"/>
      <c r="E869" s="77"/>
      <c r="F869" s="77"/>
    </row>
    <row r="870" spans="1:6" x14ac:dyDescent="0.2">
      <c r="A870" s="94"/>
      <c r="B870" s="95"/>
      <c r="C870" s="12"/>
      <c r="D870" s="77"/>
      <c r="E870" s="77"/>
      <c r="F870" s="77"/>
    </row>
    <row r="871" spans="1:6" x14ac:dyDescent="0.2">
      <c r="A871" s="94"/>
      <c r="B871" s="95"/>
      <c r="C871" s="12"/>
      <c r="D871" s="77"/>
      <c r="E871" s="77"/>
      <c r="F871" s="77"/>
    </row>
    <row r="872" spans="1:6" x14ac:dyDescent="0.2">
      <c r="A872" s="94"/>
      <c r="B872" s="95"/>
      <c r="C872" s="12"/>
      <c r="D872" s="77"/>
      <c r="E872" s="77"/>
      <c r="F872" s="77"/>
    </row>
    <row r="873" spans="1:6" x14ac:dyDescent="0.2">
      <c r="A873" s="94"/>
      <c r="B873" s="95"/>
      <c r="C873" s="12"/>
      <c r="D873" s="77"/>
      <c r="E873" s="77"/>
      <c r="F873" s="77"/>
    </row>
    <row r="874" spans="1:6" x14ac:dyDescent="0.2">
      <c r="A874" s="94"/>
      <c r="B874" s="95"/>
      <c r="C874" s="12"/>
      <c r="D874" s="77"/>
      <c r="E874" s="77"/>
      <c r="F874" s="77"/>
    </row>
    <row r="875" spans="1:6" x14ac:dyDescent="0.2">
      <c r="A875" s="94"/>
      <c r="B875" s="95"/>
      <c r="C875" s="12"/>
      <c r="D875" s="77"/>
      <c r="E875" s="77"/>
      <c r="F875" s="77"/>
    </row>
    <row r="876" spans="1:6" x14ac:dyDescent="0.2">
      <c r="A876" s="94"/>
      <c r="B876" s="95"/>
      <c r="C876" s="12"/>
      <c r="D876" s="77"/>
      <c r="E876" s="77"/>
      <c r="F876" s="77"/>
    </row>
    <row r="877" spans="1:6" x14ac:dyDescent="0.2">
      <c r="A877" s="94"/>
      <c r="B877" s="95"/>
      <c r="C877" s="12"/>
      <c r="D877" s="77"/>
      <c r="E877" s="77"/>
      <c r="F877" s="77"/>
    </row>
    <row r="878" spans="1:6" x14ac:dyDescent="0.2">
      <c r="A878" s="94"/>
      <c r="B878" s="95"/>
      <c r="C878" s="12"/>
      <c r="D878" s="77"/>
      <c r="E878" s="77"/>
      <c r="F878" s="77"/>
    </row>
    <row r="879" spans="1:6" x14ac:dyDescent="0.2">
      <c r="A879" s="94"/>
      <c r="B879" s="95"/>
      <c r="C879" s="12"/>
      <c r="D879" s="77"/>
      <c r="E879" s="77"/>
      <c r="F879" s="77"/>
    </row>
    <row r="880" spans="1:6" x14ac:dyDescent="0.2">
      <c r="A880" s="94"/>
      <c r="B880" s="95"/>
      <c r="C880" s="12"/>
      <c r="D880" s="77"/>
      <c r="E880" s="77"/>
      <c r="F880" s="77"/>
    </row>
    <row r="881" spans="1:6" x14ac:dyDescent="0.2">
      <c r="A881" s="94"/>
      <c r="B881" s="95"/>
      <c r="C881" s="12"/>
      <c r="D881" s="77"/>
      <c r="E881" s="77"/>
      <c r="F881" s="77"/>
    </row>
    <row r="882" spans="1:6" x14ac:dyDescent="0.2">
      <c r="A882" s="94"/>
      <c r="B882" s="95"/>
      <c r="C882" s="12"/>
      <c r="D882" s="77"/>
      <c r="E882" s="77"/>
      <c r="F882" s="77"/>
    </row>
    <row r="883" spans="1:6" x14ac:dyDescent="0.2">
      <c r="A883" s="94"/>
      <c r="B883" s="95"/>
      <c r="C883" s="12"/>
      <c r="D883" s="77"/>
      <c r="E883" s="77"/>
      <c r="F883" s="77"/>
    </row>
    <row r="884" spans="1:6" x14ac:dyDescent="0.2">
      <c r="A884" s="94"/>
      <c r="B884" s="95"/>
      <c r="C884" s="12"/>
      <c r="D884" s="77"/>
      <c r="E884" s="77"/>
      <c r="F884" s="77"/>
    </row>
    <row r="885" spans="1:6" x14ac:dyDescent="0.2">
      <c r="A885" s="94"/>
      <c r="B885" s="95"/>
      <c r="C885" s="12"/>
      <c r="D885" s="77"/>
      <c r="E885" s="77"/>
      <c r="F885" s="77"/>
    </row>
    <row r="886" spans="1:6" x14ac:dyDescent="0.2">
      <c r="A886" s="94"/>
      <c r="B886" s="95"/>
      <c r="C886" s="12"/>
      <c r="D886" s="77"/>
      <c r="E886" s="77"/>
      <c r="F886" s="77"/>
    </row>
    <row r="887" spans="1:6" x14ac:dyDescent="0.2">
      <c r="A887" s="94"/>
      <c r="B887" s="95"/>
      <c r="C887" s="12"/>
      <c r="D887" s="77"/>
      <c r="E887" s="77"/>
      <c r="F887" s="77"/>
    </row>
    <row r="888" spans="1:6" x14ac:dyDescent="0.2">
      <c r="A888" s="94"/>
      <c r="B888" s="95"/>
      <c r="C888" s="12"/>
      <c r="D888" s="77"/>
      <c r="E888" s="77"/>
      <c r="F888" s="77"/>
    </row>
    <row r="889" spans="1:6" x14ac:dyDescent="0.2">
      <c r="A889" s="94"/>
      <c r="B889" s="95"/>
      <c r="C889" s="12"/>
      <c r="D889" s="77"/>
      <c r="E889" s="77"/>
      <c r="F889" s="77"/>
    </row>
    <row r="890" spans="1:6" x14ac:dyDescent="0.2">
      <c r="A890" s="94"/>
      <c r="B890" s="95"/>
      <c r="C890" s="12"/>
      <c r="D890" s="77"/>
      <c r="E890" s="77"/>
      <c r="F890" s="77"/>
    </row>
    <row r="891" spans="1:6" x14ac:dyDescent="0.2">
      <c r="A891" s="94"/>
      <c r="B891" s="95"/>
      <c r="C891" s="12"/>
      <c r="D891" s="77"/>
      <c r="E891" s="77"/>
      <c r="F891" s="77"/>
    </row>
    <row r="892" spans="1:6" x14ac:dyDescent="0.2">
      <c r="A892" s="94"/>
      <c r="B892" s="95"/>
      <c r="C892" s="12"/>
      <c r="D892" s="77"/>
      <c r="E892" s="77"/>
      <c r="F892" s="77"/>
    </row>
    <row r="893" spans="1:6" x14ac:dyDescent="0.2">
      <c r="A893" s="94"/>
      <c r="B893" s="95"/>
      <c r="C893" s="12"/>
      <c r="D893" s="77"/>
      <c r="E893" s="77"/>
      <c r="F893" s="77"/>
    </row>
    <row r="894" spans="1:6" x14ac:dyDescent="0.2">
      <c r="A894" s="94"/>
      <c r="B894" s="95"/>
      <c r="C894" s="12"/>
      <c r="D894" s="77"/>
      <c r="E894" s="77"/>
      <c r="F894" s="77"/>
    </row>
    <row r="895" spans="1:6" x14ac:dyDescent="0.2">
      <c r="A895" s="94"/>
      <c r="B895" s="95"/>
      <c r="C895" s="12"/>
      <c r="D895" s="77"/>
      <c r="E895" s="77"/>
      <c r="F895" s="77"/>
    </row>
    <row r="896" spans="1:6" x14ac:dyDescent="0.2">
      <c r="A896" s="94"/>
      <c r="B896" s="95"/>
      <c r="C896" s="12"/>
      <c r="D896" s="77"/>
      <c r="E896" s="77"/>
      <c r="F896" s="77"/>
    </row>
    <row r="897" spans="1:6" x14ac:dyDescent="0.2">
      <c r="A897" s="94"/>
      <c r="B897" s="95"/>
      <c r="C897" s="12"/>
      <c r="D897" s="77"/>
      <c r="E897" s="77"/>
      <c r="F897" s="77"/>
    </row>
    <row r="898" spans="1:6" x14ac:dyDescent="0.2">
      <c r="A898" s="94"/>
      <c r="B898" s="95"/>
      <c r="C898" s="12"/>
      <c r="D898" s="77"/>
      <c r="E898" s="77"/>
      <c r="F898" s="77"/>
    </row>
    <row r="899" spans="1:6" x14ac:dyDescent="0.2">
      <c r="A899" s="94"/>
      <c r="B899" s="95"/>
      <c r="C899" s="12"/>
      <c r="D899" s="77"/>
      <c r="E899" s="77"/>
      <c r="F899" s="77"/>
    </row>
    <row r="900" spans="1:6" x14ac:dyDescent="0.2">
      <c r="A900" s="94"/>
      <c r="B900" s="95"/>
      <c r="C900" s="12"/>
      <c r="D900" s="77"/>
      <c r="E900" s="77"/>
      <c r="F900" s="77"/>
    </row>
    <row r="901" spans="1:6" x14ac:dyDescent="0.2">
      <c r="A901" s="94"/>
      <c r="B901" s="95"/>
      <c r="C901" s="12"/>
      <c r="D901" s="77"/>
      <c r="E901" s="77"/>
      <c r="F901" s="77"/>
    </row>
    <row r="902" spans="1:6" x14ac:dyDescent="0.2">
      <c r="A902" s="94"/>
      <c r="B902" s="95"/>
      <c r="C902" s="12"/>
      <c r="D902" s="77"/>
      <c r="E902" s="77"/>
      <c r="F902" s="77"/>
    </row>
    <row r="903" spans="1:6" x14ac:dyDescent="0.2">
      <c r="A903" s="94"/>
      <c r="B903" s="95"/>
      <c r="C903" s="12"/>
      <c r="D903" s="77"/>
      <c r="E903" s="77"/>
      <c r="F903" s="77"/>
    </row>
    <row r="904" spans="1:6" x14ac:dyDescent="0.2">
      <c r="A904" s="94"/>
      <c r="B904" s="95"/>
      <c r="C904" s="12"/>
      <c r="D904" s="77"/>
      <c r="E904" s="77"/>
      <c r="F904" s="77"/>
    </row>
    <row r="905" spans="1:6" x14ac:dyDescent="0.2">
      <c r="A905" s="94"/>
      <c r="B905" s="95"/>
      <c r="C905" s="12"/>
      <c r="D905" s="77"/>
      <c r="E905" s="77"/>
      <c r="F905" s="77"/>
    </row>
    <row r="906" spans="1:6" x14ac:dyDescent="0.2">
      <c r="A906" s="94"/>
      <c r="B906" s="95"/>
      <c r="C906" s="12"/>
      <c r="D906" s="77"/>
      <c r="E906" s="77"/>
      <c r="F906" s="77"/>
    </row>
    <row r="907" spans="1:6" x14ac:dyDescent="0.2">
      <c r="A907" s="94"/>
      <c r="B907" s="95"/>
      <c r="C907" s="12"/>
      <c r="D907" s="77"/>
      <c r="E907" s="77"/>
      <c r="F907" s="77"/>
    </row>
    <row r="908" spans="1:6" x14ac:dyDescent="0.2">
      <c r="A908" s="94"/>
      <c r="B908" s="95"/>
      <c r="C908" s="12"/>
      <c r="D908" s="77"/>
      <c r="E908" s="77"/>
      <c r="F908" s="77"/>
    </row>
    <row r="909" spans="1:6" x14ac:dyDescent="0.2">
      <c r="A909" s="94"/>
      <c r="B909" s="95"/>
      <c r="C909" s="12"/>
      <c r="D909" s="77"/>
      <c r="E909" s="77"/>
      <c r="F909" s="77"/>
    </row>
    <row r="910" spans="1:6" x14ac:dyDescent="0.2">
      <c r="A910" s="94"/>
      <c r="B910" s="95"/>
      <c r="C910" s="12"/>
      <c r="D910" s="77"/>
      <c r="E910" s="77"/>
      <c r="F910" s="77"/>
    </row>
    <row r="911" spans="1:6" x14ac:dyDescent="0.2">
      <c r="A911" s="94"/>
      <c r="B911" s="95"/>
      <c r="C911" s="12"/>
      <c r="D911" s="77"/>
      <c r="E911" s="77"/>
      <c r="F911" s="77"/>
    </row>
    <row r="912" spans="1:6" x14ac:dyDescent="0.2">
      <c r="A912" s="94"/>
      <c r="B912" s="95"/>
      <c r="C912" s="12"/>
      <c r="D912" s="77"/>
      <c r="E912" s="77"/>
      <c r="F912" s="77"/>
    </row>
    <row r="913" spans="1:6" x14ac:dyDescent="0.2">
      <c r="A913" s="94"/>
      <c r="B913" s="95"/>
      <c r="C913" s="12"/>
      <c r="D913" s="77"/>
      <c r="E913" s="77"/>
      <c r="F913" s="77"/>
    </row>
    <row r="914" spans="1:6" x14ac:dyDescent="0.2">
      <c r="A914" s="94"/>
      <c r="B914" s="95"/>
      <c r="C914" s="12"/>
      <c r="D914" s="77"/>
      <c r="E914" s="77"/>
      <c r="F914" s="77"/>
    </row>
    <row r="915" spans="1:6" x14ac:dyDescent="0.2">
      <c r="A915" s="94"/>
      <c r="B915" s="95"/>
      <c r="C915" s="12"/>
      <c r="D915" s="77"/>
      <c r="E915" s="77"/>
      <c r="F915" s="77"/>
    </row>
    <row r="916" spans="1:6" x14ac:dyDescent="0.2">
      <c r="A916" s="94"/>
      <c r="B916" s="95"/>
      <c r="C916" s="12"/>
      <c r="D916" s="77"/>
      <c r="E916" s="77"/>
      <c r="F916" s="77"/>
    </row>
    <row r="917" spans="1:6" x14ac:dyDescent="0.2">
      <c r="A917" s="94"/>
      <c r="B917" s="95"/>
      <c r="C917" s="12"/>
      <c r="D917" s="77"/>
      <c r="E917" s="77"/>
      <c r="F917" s="77"/>
    </row>
    <row r="918" spans="1:6" x14ac:dyDescent="0.2">
      <c r="A918" s="94"/>
      <c r="B918" s="95"/>
      <c r="C918" s="12"/>
      <c r="D918" s="77"/>
      <c r="E918" s="77"/>
      <c r="F918" s="77"/>
    </row>
    <row r="919" spans="1:6" x14ac:dyDescent="0.2">
      <c r="A919" s="94"/>
      <c r="B919" s="95"/>
      <c r="C919" s="12"/>
      <c r="D919" s="77"/>
      <c r="E919" s="77"/>
      <c r="F919" s="77"/>
    </row>
    <row r="920" spans="1:6" x14ac:dyDescent="0.2">
      <c r="A920" s="94"/>
      <c r="B920" s="95"/>
      <c r="C920" s="12"/>
      <c r="D920" s="77"/>
      <c r="E920" s="77"/>
      <c r="F920" s="77"/>
    </row>
    <row r="921" spans="1:6" x14ac:dyDescent="0.2">
      <c r="A921" s="94"/>
      <c r="B921" s="95"/>
      <c r="C921" s="12"/>
      <c r="D921" s="77"/>
      <c r="E921" s="77"/>
      <c r="F921" s="77"/>
    </row>
    <row r="922" spans="1:6" x14ac:dyDescent="0.2">
      <c r="A922" s="94"/>
      <c r="B922" s="95"/>
      <c r="C922" s="12"/>
      <c r="D922" s="77"/>
      <c r="E922" s="77"/>
      <c r="F922" s="77"/>
    </row>
    <row r="923" spans="1:6" x14ac:dyDescent="0.2">
      <c r="A923" s="94"/>
      <c r="B923" s="95"/>
      <c r="C923" s="12"/>
      <c r="D923" s="77"/>
      <c r="E923" s="77"/>
      <c r="F923" s="77"/>
    </row>
    <row r="924" spans="1:6" x14ac:dyDescent="0.2">
      <c r="A924" s="94"/>
      <c r="B924" s="95"/>
      <c r="C924" s="12"/>
      <c r="D924" s="77"/>
      <c r="E924" s="77"/>
      <c r="F924" s="77"/>
    </row>
    <row r="925" spans="1:6" x14ac:dyDescent="0.2">
      <c r="A925" s="94"/>
      <c r="B925" s="95"/>
      <c r="C925" s="12"/>
      <c r="D925" s="77"/>
      <c r="E925" s="77"/>
      <c r="F925" s="77"/>
    </row>
    <row r="926" spans="1:6" x14ac:dyDescent="0.2">
      <c r="A926" s="94"/>
      <c r="B926" s="95"/>
      <c r="C926" s="12"/>
      <c r="D926" s="77"/>
      <c r="E926" s="77"/>
      <c r="F926" s="77"/>
    </row>
    <row r="927" spans="1:6" x14ac:dyDescent="0.2">
      <c r="A927" s="94"/>
      <c r="B927" s="95"/>
      <c r="C927" s="12"/>
      <c r="D927" s="77"/>
      <c r="E927" s="77"/>
      <c r="F927" s="77"/>
    </row>
    <row r="928" spans="1:6" x14ac:dyDescent="0.2">
      <c r="A928" s="94"/>
      <c r="B928" s="95"/>
      <c r="C928" s="12"/>
      <c r="D928" s="77"/>
      <c r="E928" s="77"/>
      <c r="F928" s="77"/>
    </row>
    <row r="929" spans="1:6" x14ac:dyDescent="0.2">
      <c r="A929" s="94"/>
      <c r="B929" s="95"/>
      <c r="C929" s="12"/>
      <c r="D929" s="77"/>
      <c r="E929" s="77"/>
      <c r="F929" s="77"/>
    </row>
    <row r="930" spans="1:6" x14ac:dyDescent="0.2">
      <c r="A930" s="94"/>
      <c r="B930" s="95"/>
      <c r="C930" s="12"/>
      <c r="D930" s="77"/>
      <c r="E930" s="77"/>
      <c r="F930" s="77"/>
    </row>
    <row r="931" spans="1:6" x14ac:dyDescent="0.2">
      <c r="A931" s="94"/>
      <c r="B931" s="95"/>
      <c r="C931" s="12"/>
      <c r="D931" s="77"/>
      <c r="E931" s="77"/>
      <c r="F931" s="77"/>
    </row>
    <row r="932" spans="1:6" x14ac:dyDescent="0.2">
      <c r="A932" s="94"/>
      <c r="B932" s="95"/>
      <c r="C932" s="12"/>
      <c r="D932" s="77"/>
      <c r="E932" s="77"/>
      <c r="F932" s="77"/>
    </row>
    <row r="933" spans="1:6" x14ac:dyDescent="0.2">
      <c r="A933" s="94"/>
      <c r="B933" s="95"/>
      <c r="C933" s="12"/>
      <c r="D933" s="77"/>
      <c r="E933" s="77"/>
      <c r="F933" s="77"/>
    </row>
    <row r="934" spans="1:6" x14ac:dyDescent="0.2">
      <c r="A934" s="94"/>
      <c r="B934" s="95"/>
      <c r="C934" s="12"/>
      <c r="D934" s="77"/>
      <c r="E934" s="77"/>
      <c r="F934" s="77"/>
    </row>
    <row r="935" spans="1:6" x14ac:dyDescent="0.2">
      <c r="A935" s="94"/>
      <c r="B935" s="95"/>
      <c r="C935" s="12"/>
      <c r="D935" s="77"/>
      <c r="E935" s="77"/>
      <c r="F935" s="77"/>
    </row>
    <row r="936" spans="1:6" x14ac:dyDescent="0.2">
      <c r="A936" s="94"/>
      <c r="B936" s="95"/>
      <c r="C936" s="12"/>
      <c r="D936" s="77"/>
      <c r="E936" s="77"/>
      <c r="F936" s="77"/>
    </row>
    <row r="937" spans="1:6" x14ac:dyDescent="0.2">
      <c r="A937" s="94"/>
      <c r="B937" s="95"/>
      <c r="C937" s="12"/>
      <c r="D937" s="77"/>
      <c r="E937" s="77"/>
      <c r="F937" s="77"/>
    </row>
    <row r="938" spans="1:6" x14ac:dyDescent="0.2">
      <c r="A938" s="94"/>
      <c r="B938" s="95"/>
      <c r="C938" s="12"/>
      <c r="D938" s="77"/>
      <c r="E938" s="77"/>
      <c r="F938" s="77"/>
    </row>
    <row r="939" spans="1:6" x14ac:dyDescent="0.2">
      <c r="A939" s="94"/>
      <c r="B939" s="95"/>
      <c r="C939" s="12"/>
      <c r="D939" s="77"/>
      <c r="E939" s="77"/>
      <c r="F939" s="77"/>
    </row>
    <row r="940" spans="1:6" x14ac:dyDescent="0.2">
      <c r="A940" s="94"/>
      <c r="B940" s="95"/>
      <c r="C940" s="12"/>
      <c r="D940" s="77"/>
      <c r="E940" s="77"/>
      <c r="F940" s="77"/>
    </row>
    <row r="941" spans="1:6" x14ac:dyDescent="0.2">
      <c r="A941" s="94"/>
      <c r="B941" s="95"/>
      <c r="C941" s="12"/>
      <c r="D941" s="77"/>
      <c r="E941" s="77"/>
      <c r="F941" s="77"/>
    </row>
    <row r="942" spans="1:6" x14ac:dyDescent="0.2">
      <c r="A942" s="94"/>
      <c r="B942" s="95"/>
      <c r="C942" s="12"/>
      <c r="D942" s="77"/>
      <c r="E942" s="77"/>
      <c r="F942" s="77"/>
    </row>
    <row r="943" spans="1:6" x14ac:dyDescent="0.2">
      <c r="A943" s="94"/>
      <c r="B943" s="95"/>
      <c r="C943" s="12"/>
      <c r="D943" s="77"/>
      <c r="E943" s="77"/>
      <c r="F943" s="77"/>
    </row>
    <row r="944" spans="1:6" x14ac:dyDescent="0.2">
      <c r="A944" s="94"/>
      <c r="B944" s="95"/>
      <c r="C944" s="12"/>
      <c r="D944" s="77"/>
      <c r="E944" s="77"/>
      <c r="F944" s="77"/>
    </row>
    <row r="945" spans="1:6" x14ac:dyDescent="0.2">
      <c r="A945" s="94"/>
      <c r="B945" s="95"/>
      <c r="C945" s="12"/>
      <c r="D945" s="77"/>
      <c r="E945" s="77"/>
      <c r="F945" s="77"/>
    </row>
    <row r="946" spans="1:6" x14ac:dyDescent="0.2">
      <c r="A946" s="94"/>
      <c r="B946" s="95"/>
      <c r="C946" s="12"/>
      <c r="D946" s="77"/>
      <c r="E946" s="77"/>
      <c r="F946" s="77"/>
    </row>
    <row r="947" spans="1:6" x14ac:dyDescent="0.2">
      <c r="A947" s="94"/>
      <c r="B947" s="95"/>
      <c r="C947" s="12"/>
      <c r="D947" s="77"/>
      <c r="E947" s="77"/>
      <c r="F947" s="77"/>
    </row>
    <row r="948" spans="1:6" x14ac:dyDescent="0.2">
      <c r="A948" s="94"/>
      <c r="B948" s="95"/>
      <c r="C948" s="12"/>
      <c r="D948" s="77"/>
      <c r="E948" s="77"/>
      <c r="F948" s="77"/>
    </row>
    <row r="949" spans="1:6" x14ac:dyDescent="0.2">
      <c r="A949" s="94"/>
      <c r="B949" s="95"/>
      <c r="C949" s="12"/>
      <c r="D949" s="77"/>
      <c r="E949" s="77"/>
      <c r="F949" s="77"/>
    </row>
    <row r="950" spans="1:6" x14ac:dyDescent="0.2">
      <c r="A950" s="94"/>
      <c r="B950" s="95"/>
      <c r="C950" s="12"/>
      <c r="D950" s="77"/>
      <c r="E950" s="77"/>
      <c r="F950" s="77"/>
    </row>
    <row r="951" spans="1:6" x14ac:dyDescent="0.2">
      <c r="A951" s="94"/>
      <c r="B951" s="95"/>
      <c r="C951" s="12"/>
      <c r="D951" s="77"/>
      <c r="E951" s="77"/>
      <c r="F951" s="77"/>
    </row>
    <row r="952" spans="1:6" x14ac:dyDescent="0.2">
      <c r="A952" s="94"/>
      <c r="B952" s="95"/>
      <c r="C952" s="12"/>
      <c r="D952" s="77"/>
      <c r="E952" s="77"/>
      <c r="F952" s="77"/>
    </row>
    <row r="953" spans="1:6" x14ac:dyDescent="0.2">
      <c r="A953" s="94"/>
      <c r="B953" s="95"/>
      <c r="C953" s="12"/>
      <c r="D953" s="77"/>
      <c r="E953" s="77"/>
      <c r="F953" s="77"/>
    </row>
    <row r="954" spans="1:6" x14ac:dyDescent="0.2">
      <c r="A954" s="94"/>
      <c r="B954" s="95"/>
      <c r="C954" s="12"/>
      <c r="D954" s="77"/>
      <c r="E954" s="77"/>
      <c r="F954" s="77"/>
    </row>
    <row r="955" spans="1:6" x14ac:dyDescent="0.2">
      <c r="A955" s="94"/>
      <c r="B955" s="95"/>
      <c r="C955" s="12"/>
      <c r="D955" s="77"/>
      <c r="E955" s="77"/>
      <c r="F955" s="77"/>
    </row>
    <row r="956" spans="1:6" x14ac:dyDescent="0.2">
      <c r="A956" s="94"/>
      <c r="B956" s="95"/>
      <c r="C956" s="12"/>
      <c r="D956" s="77"/>
      <c r="E956" s="77"/>
      <c r="F956" s="77"/>
    </row>
    <row r="957" spans="1:6" x14ac:dyDescent="0.2">
      <c r="A957" s="94"/>
      <c r="B957" s="95"/>
      <c r="C957" s="12"/>
      <c r="D957" s="77"/>
      <c r="E957" s="77"/>
      <c r="F957" s="77"/>
    </row>
    <row r="958" spans="1:6" x14ac:dyDescent="0.2">
      <c r="A958" s="94"/>
      <c r="B958" s="95"/>
      <c r="C958" s="12"/>
      <c r="D958" s="77"/>
      <c r="E958" s="77"/>
      <c r="F958" s="77"/>
    </row>
    <row r="959" spans="1:6" x14ac:dyDescent="0.2">
      <c r="A959" s="94"/>
      <c r="B959" s="95"/>
      <c r="C959" s="12"/>
      <c r="D959" s="77"/>
      <c r="E959" s="77"/>
      <c r="F959" s="77"/>
    </row>
    <row r="960" spans="1:6" x14ac:dyDescent="0.2">
      <c r="A960" s="94"/>
      <c r="B960" s="95"/>
      <c r="C960" s="12"/>
      <c r="D960" s="77"/>
      <c r="E960" s="77"/>
      <c r="F960" s="77"/>
    </row>
    <row r="961" spans="1:6" x14ac:dyDescent="0.2">
      <c r="A961" s="94"/>
      <c r="B961" s="95"/>
      <c r="C961" s="12"/>
      <c r="D961" s="77"/>
      <c r="E961" s="77"/>
      <c r="F961" s="77"/>
    </row>
    <row r="962" spans="1:6" x14ac:dyDescent="0.2">
      <c r="A962" s="94"/>
      <c r="B962" s="95"/>
      <c r="C962" s="12"/>
      <c r="D962" s="77"/>
      <c r="E962" s="77"/>
      <c r="F962" s="77"/>
    </row>
    <row r="963" spans="1:6" x14ac:dyDescent="0.2">
      <c r="A963" s="94"/>
      <c r="B963" s="95"/>
      <c r="C963" s="12"/>
      <c r="D963" s="77"/>
      <c r="E963" s="77"/>
      <c r="F963" s="77"/>
    </row>
    <row r="964" spans="1:6" x14ac:dyDescent="0.2">
      <c r="A964" s="94"/>
      <c r="B964" s="95"/>
      <c r="C964" s="12"/>
      <c r="D964" s="77"/>
      <c r="E964" s="77"/>
      <c r="F964" s="77"/>
    </row>
    <row r="965" spans="1:6" x14ac:dyDescent="0.2">
      <c r="A965" s="94"/>
      <c r="B965" s="95"/>
      <c r="C965" s="12"/>
      <c r="D965" s="77"/>
      <c r="E965" s="77"/>
      <c r="F965" s="77"/>
    </row>
    <row r="966" spans="1:6" x14ac:dyDescent="0.2">
      <c r="A966" s="94"/>
      <c r="B966" s="95"/>
      <c r="C966" s="12"/>
      <c r="D966" s="77"/>
      <c r="E966" s="77"/>
      <c r="F966" s="77"/>
    </row>
    <row r="967" spans="1:6" x14ac:dyDescent="0.2">
      <c r="A967" s="94"/>
      <c r="B967" s="95"/>
      <c r="C967" s="12"/>
      <c r="D967" s="77"/>
      <c r="E967" s="77"/>
      <c r="F967" s="77"/>
    </row>
    <row r="968" spans="1:6" x14ac:dyDescent="0.2">
      <c r="A968" s="94"/>
      <c r="B968" s="95"/>
      <c r="C968" s="12"/>
      <c r="D968" s="77"/>
      <c r="E968" s="77"/>
      <c r="F968" s="77"/>
    </row>
    <row r="969" spans="1:6" x14ac:dyDescent="0.2">
      <c r="A969" s="94"/>
      <c r="B969" s="95"/>
      <c r="C969" s="12"/>
      <c r="D969" s="77"/>
      <c r="E969" s="77"/>
      <c r="F969" s="77"/>
    </row>
    <row r="970" spans="1:6" x14ac:dyDescent="0.2">
      <c r="A970" s="94"/>
      <c r="B970" s="95"/>
      <c r="C970" s="12"/>
      <c r="D970" s="77"/>
      <c r="E970" s="77"/>
      <c r="F970" s="77"/>
    </row>
    <row r="971" spans="1:6" x14ac:dyDescent="0.2">
      <c r="A971" s="94"/>
      <c r="B971" s="95"/>
      <c r="C971" s="12"/>
      <c r="D971" s="77"/>
      <c r="E971" s="77"/>
      <c r="F971" s="77"/>
    </row>
    <row r="972" spans="1:6" x14ac:dyDescent="0.2">
      <c r="A972" s="94"/>
      <c r="B972" s="95"/>
      <c r="C972" s="12"/>
      <c r="D972" s="77"/>
      <c r="E972" s="77"/>
      <c r="F972" s="77"/>
    </row>
    <row r="973" spans="1:6" x14ac:dyDescent="0.2">
      <c r="A973" s="94"/>
      <c r="B973" s="95"/>
      <c r="C973" s="12"/>
      <c r="D973" s="77"/>
      <c r="E973" s="77"/>
      <c r="F973" s="77"/>
    </row>
    <row r="974" spans="1:6" x14ac:dyDescent="0.2">
      <c r="A974" s="94"/>
      <c r="B974" s="95"/>
      <c r="C974" s="12"/>
      <c r="D974" s="77"/>
      <c r="E974" s="77"/>
      <c r="F974" s="77"/>
    </row>
    <row r="975" spans="1:6" x14ac:dyDescent="0.2">
      <c r="A975" s="94"/>
      <c r="B975" s="95"/>
      <c r="C975" s="12"/>
      <c r="D975" s="77"/>
      <c r="E975" s="77"/>
      <c r="F975" s="77"/>
    </row>
    <row r="976" spans="1:6" x14ac:dyDescent="0.2">
      <c r="A976" s="94"/>
      <c r="B976" s="95"/>
      <c r="C976" s="12"/>
      <c r="D976" s="77"/>
      <c r="E976" s="77"/>
      <c r="F976" s="77"/>
    </row>
    <row r="977" spans="1:6" x14ac:dyDescent="0.2">
      <c r="A977" s="94"/>
      <c r="B977" s="95"/>
      <c r="C977" s="12"/>
      <c r="D977" s="77"/>
      <c r="E977" s="77"/>
      <c r="F977" s="77"/>
    </row>
    <row r="978" spans="1:6" x14ac:dyDescent="0.2">
      <c r="A978" s="94"/>
      <c r="B978" s="95"/>
      <c r="C978" s="12"/>
      <c r="D978" s="77"/>
      <c r="E978" s="77"/>
      <c r="F978" s="77"/>
    </row>
    <row r="979" spans="1:6" x14ac:dyDescent="0.2">
      <c r="A979" s="94"/>
      <c r="B979" s="95"/>
      <c r="C979" s="12"/>
      <c r="D979" s="77"/>
      <c r="E979" s="77"/>
      <c r="F979" s="77"/>
    </row>
    <row r="980" spans="1:6" x14ac:dyDescent="0.2">
      <c r="A980" s="94"/>
      <c r="B980" s="95"/>
      <c r="C980" s="12"/>
      <c r="D980" s="77"/>
      <c r="E980" s="77"/>
      <c r="F980" s="77"/>
    </row>
    <row r="981" spans="1:6" x14ac:dyDescent="0.2">
      <c r="A981" s="94"/>
      <c r="B981" s="95"/>
      <c r="C981" s="12"/>
      <c r="D981" s="77"/>
      <c r="E981" s="77"/>
      <c r="F981" s="77"/>
    </row>
    <row r="982" spans="1:6" x14ac:dyDescent="0.2">
      <c r="A982" s="94"/>
      <c r="B982" s="95"/>
      <c r="C982" s="12"/>
      <c r="D982" s="77"/>
      <c r="E982" s="77"/>
      <c r="F982" s="77"/>
    </row>
    <row r="983" spans="1:6" x14ac:dyDescent="0.2">
      <c r="A983" s="94"/>
      <c r="B983" s="95"/>
      <c r="C983" s="12"/>
      <c r="D983" s="77"/>
      <c r="E983" s="77"/>
      <c r="F983" s="77"/>
    </row>
    <row r="984" spans="1:6" x14ac:dyDescent="0.2">
      <c r="A984" s="94"/>
      <c r="B984" s="95"/>
      <c r="C984" s="12"/>
      <c r="D984" s="77"/>
      <c r="E984" s="77"/>
      <c r="F984" s="77"/>
    </row>
    <row r="985" spans="1:6" x14ac:dyDescent="0.2">
      <c r="A985" s="94"/>
      <c r="B985" s="95"/>
      <c r="C985" s="12"/>
      <c r="D985" s="77"/>
      <c r="E985" s="77"/>
      <c r="F985" s="77"/>
    </row>
    <row r="986" spans="1:6" x14ac:dyDescent="0.2">
      <c r="A986" s="94"/>
      <c r="B986" s="95"/>
      <c r="C986" s="12"/>
      <c r="D986" s="77"/>
      <c r="E986" s="77"/>
      <c r="F986" s="77"/>
    </row>
    <row r="987" spans="1:6" x14ac:dyDescent="0.2">
      <c r="A987" s="94"/>
      <c r="B987" s="95"/>
      <c r="C987" s="12"/>
      <c r="D987" s="77"/>
      <c r="E987" s="77"/>
      <c r="F987" s="77"/>
    </row>
    <row r="988" spans="1:6" x14ac:dyDescent="0.2">
      <c r="A988" s="94"/>
      <c r="B988" s="95"/>
      <c r="C988" s="12"/>
      <c r="D988" s="77"/>
      <c r="E988" s="77"/>
      <c r="F988" s="77"/>
    </row>
    <row r="989" spans="1:6" x14ac:dyDescent="0.2">
      <c r="A989" s="94"/>
      <c r="B989" s="95"/>
      <c r="C989" s="12"/>
      <c r="D989" s="77"/>
      <c r="E989" s="77"/>
      <c r="F989" s="77"/>
    </row>
    <row r="990" spans="1:6" x14ac:dyDescent="0.2">
      <c r="A990" s="94"/>
      <c r="B990" s="95"/>
      <c r="C990" s="12"/>
      <c r="D990" s="77"/>
      <c r="E990" s="77"/>
      <c r="F990" s="77"/>
    </row>
    <row r="991" spans="1:6" x14ac:dyDescent="0.2">
      <c r="A991" s="94"/>
      <c r="B991" s="95"/>
      <c r="C991" s="12"/>
      <c r="D991" s="77"/>
      <c r="E991" s="77"/>
      <c r="F991" s="77"/>
    </row>
    <row r="992" spans="1:6" x14ac:dyDescent="0.2">
      <c r="A992" s="94"/>
      <c r="B992" s="95"/>
      <c r="C992" s="12"/>
      <c r="D992" s="77"/>
      <c r="E992" s="77"/>
      <c r="F992" s="77"/>
    </row>
    <row r="993" spans="1:6" x14ac:dyDescent="0.2">
      <c r="A993" s="94"/>
      <c r="B993" s="95"/>
      <c r="C993" s="12"/>
      <c r="D993" s="77"/>
      <c r="E993" s="77"/>
      <c r="F993" s="77"/>
    </row>
    <row r="994" spans="1:6" x14ac:dyDescent="0.2">
      <c r="A994" s="94"/>
      <c r="B994" s="95"/>
      <c r="C994" s="12"/>
      <c r="D994" s="77"/>
      <c r="E994" s="77"/>
      <c r="F994" s="77"/>
    </row>
    <row r="995" spans="1:6" x14ac:dyDescent="0.2">
      <c r="A995" s="94"/>
      <c r="B995" s="95"/>
      <c r="C995" s="12"/>
      <c r="D995" s="77"/>
      <c r="E995" s="77"/>
      <c r="F995" s="77"/>
    </row>
    <row r="996" spans="1:6" x14ac:dyDescent="0.2">
      <c r="A996" s="94"/>
      <c r="B996" s="95"/>
      <c r="C996" s="12"/>
      <c r="D996" s="77"/>
      <c r="E996" s="77"/>
      <c r="F996" s="77"/>
    </row>
    <row r="997" spans="1:6" x14ac:dyDescent="0.2">
      <c r="A997" s="94"/>
      <c r="B997" s="95"/>
      <c r="C997" s="12"/>
      <c r="D997" s="77"/>
      <c r="E997" s="77"/>
      <c r="F997" s="77"/>
    </row>
    <row r="998" spans="1:6" x14ac:dyDescent="0.2">
      <c r="A998" s="94"/>
      <c r="B998" s="95"/>
      <c r="C998" s="12"/>
      <c r="D998" s="77"/>
      <c r="E998" s="77"/>
      <c r="F998" s="77"/>
    </row>
    <row r="999" spans="1:6" x14ac:dyDescent="0.2">
      <c r="A999" s="94"/>
      <c r="B999" s="95"/>
      <c r="C999" s="12"/>
      <c r="D999" s="77"/>
      <c r="E999" s="77"/>
      <c r="F999" s="77"/>
    </row>
    <row r="1000" spans="1:6" x14ac:dyDescent="0.2">
      <c r="A1000" s="94"/>
      <c r="B1000" s="95"/>
      <c r="C1000" s="12"/>
      <c r="D1000" s="77"/>
      <c r="E1000" s="77"/>
      <c r="F1000" s="77"/>
    </row>
    <row r="1001" spans="1:6" x14ac:dyDescent="0.2">
      <c r="A1001" s="94"/>
      <c r="B1001" s="95"/>
      <c r="C1001" s="12"/>
      <c r="D1001" s="77"/>
      <c r="E1001" s="77"/>
      <c r="F1001" s="77"/>
    </row>
    <row r="1002" spans="1:6" x14ac:dyDescent="0.2">
      <c r="A1002" s="94"/>
      <c r="B1002" s="95"/>
      <c r="C1002" s="12"/>
      <c r="D1002" s="77"/>
      <c r="E1002" s="77"/>
      <c r="F1002" s="77"/>
    </row>
    <row r="1003" spans="1:6" x14ac:dyDescent="0.2">
      <c r="A1003" s="94"/>
      <c r="B1003" s="95"/>
      <c r="C1003" s="12"/>
      <c r="D1003" s="77"/>
      <c r="E1003" s="77"/>
      <c r="F1003" s="77"/>
    </row>
    <row r="1004" spans="1:6" x14ac:dyDescent="0.2">
      <c r="A1004" s="94"/>
      <c r="B1004" s="95"/>
      <c r="C1004" s="12"/>
      <c r="D1004" s="77"/>
      <c r="E1004" s="77"/>
      <c r="F1004" s="77"/>
    </row>
    <row r="1005" spans="1:6" x14ac:dyDescent="0.2">
      <c r="A1005" s="94"/>
      <c r="B1005" s="95"/>
      <c r="C1005" s="12"/>
      <c r="D1005" s="77"/>
      <c r="E1005" s="77"/>
      <c r="F1005" s="77"/>
    </row>
    <row r="1006" spans="1:6" x14ac:dyDescent="0.2">
      <c r="A1006" s="94"/>
      <c r="B1006" s="95"/>
      <c r="C1006" s="12"/>
      <c r="D1006" s="77"/>
      <c r="E1006" s="77"/>
      <c r="F1006" s="77"/>
    </row>
    <row r="1007" spans="1:6" x14ac:dyDescent="0.2">
      <c r="A1007" s="94"/>
      <c r="B1007" s="95"/>
      <c r="C1007" s="12"/>
      <c r="D1007" s="77"/>
      <c r="E1007" s="77"/>
      <c r="F1007" s="77"/>
    </row>
    <row r="1008" spans="1:6" x14ac:dyDescent="0.2">
      <c r="A1008" s="94"/>
      <c r="B1008" s="95"/>
      <c r="C1008" s="12"/>
      <c r="D1008" s="77"/>
      <c r="E1008" s="77"/>
      <c r="F1008" s="77"/>
    </row>
    <row r="1009" spans="1:6" x14ac:dyDescent="0.2">
      <c r="A1009" s="94"/>
      <c r="B1009" s="95"/>
      <c r="C1009" s="12"/>
      <c r="D1009" s="77"/>
      <c r="E1009" s="77"/>
      <c r="F1009" s="77"/>
    </row>
    <row r="1010" spans="1:6" x14ac:dyDescent="0.2">
      <c r="A1010" s="94"/>
      <c r="B1010" s="95"/>
      <c r="C1010" s="12"/>
      <c r="D1010" s="77"/>
      <c r="E1010" s="77"/>
      <c r="F1010" s="77"/>
    </row>
    <row r="1011" spans="1:6" x14ac:dyDescent="0.2">
      <c r="A1011" s="94"/>
      <c r="B1011" s="95"/>
      <c r="C1011" s="12"/>
      <c r="D1011" s="77"/>
      <c r="E1011" s="77"/>
      <c r="F1011" s="77"/>
    </row>
    <row r="1012" spans="1:6" x14ac:dyDescent="0.2">
      <c r="A1012" s="94"/>
      <c r="B1012" s="95"/>
      <c r="C1012" s="12"/>
      <c r="D1012" s="77"/>
      <c r="E1012" s="77"/>
      <c r="F1012" s="77"/>
    </row>
    <row r="1013" spans="1:6" x14ac:dyDescent="0.2">
      <c r="A1013" s="94"/>
      <c r="B1013" s="95"/>
      <c r="C1013" s="12"/>
      <c r="D1013" s="77"/>
      <c r="E1013" s="77"/>
      <c r="F1013" s="77"/>
    </row>
    <row r="1014" spans="1:6" x14ac:dyDescent="0.2">
      <c r="A1014" s="94"/>
      <c r="B1014" s="95"/>
      <c r="C1014" s="12"/>
      <c r="D1014" s="77"/>
      <c r="E1014" s="77"/>
      <c r="F1014" s="77"/>
    </row>
    <row r="1015" spans="1:6" x14ac:dyDescent="0.2">
      <c r="A1015" s="94"/>
      <c r="B1015" s="95"/>
      <c r="C1015" s="12"/>
      <c r="D1015" s="77"/>
      <c r="E1015" s="77"/>
      <c r="F1015" s="77"/>
    </row>
    <row r="1016" spans="1:6" x14ac:dyDescent="0.2">
      <c r="A1016" s="94"/>
      <c r="B1016" s="95"/>
      <c r="C1016" s="12"/>
      <c r="D1016" s="77"/>
      <c r="E1016" s="77"/>
      <c r="F1016" s="77"/>
    </row>
    <row r="1017" spans="1:6" x14ac:dyDescent="0.2">
      <c r="A1017" s="94"/>
      <c r="B1017" s="95"/>
      <c r="C1017" s="12"/>
      <c r="D1017" s="77"/>
      <c r="E1017" s="77"/>
      <c r="F1017" s="77"/>
    </row>
    <row r="1018" spans="1:6" x14ac:dyDescent="0.2">
      <c r="A1018" s="94"/>
      <c r="B1018" s="95"/>
      <c r="C1018" s="12"/>
      <c r="D1018" s="77"/>
      <c r="E1018" s="77"/>
      <c r="F1018" s="77"/>
    </row>
    <row r="1019" spans="1:6" x14ac:dyDescent="0.2">
      <c r="A1019" s="94"/>
      <c r="B1019" s="95"/>
      <c r="C1019" s="12"/>
      <c r="D1019" s="77"/>
      <c r="E1019" s="77"/>
      <c r="F1019" s="77"/>
    </row>
    <row r="1020" spans="1:6" x14ac:dyDescent="0.2">
      <c r="A1020" s="94"/>
      <c r="B1020" s="95"/>
      <c r="C1020" s="12"/>
      <c r="D1020" s="77"/>
      <c r="E1020" s="77"/>
      <c r="F1020" s="77"/>
    </row>
    <row r="1021" spans="1:6" x14ac:dyDescent="0.2">
      <c r="A1021" s="94"/>
      <c r="B1021" s="95"/>
      <c r="C1021" s="12"/>
      <c r="D1021" s="77"/>
      <c r="E1021" s="77"/>
      <c r="F1021" s="77"/>
    </row>
    <row r="1022" spans="1:6" x14ac:dyDescent="0.2">
      <c r="A1022" s="94"/>
      <c r="B1022" s="95"/>
      <c r="C1022" s="12"/>
      <c r="D1022" s="77"/>
      <c r="E1022" s="77"/>
      <c r="F1022" s="77"/>
    </row>
    <row r="1023" spans="1:6" x14ac:dyDescent="0.2">
      <c r="A1023" s="94"/>
      <c r="B1023" s="95"/>
      <c r="C1023" s="12"/>
      <c r="D1023" s="77"/>
      <c r="E1023" s="77"/>
      <c r="F1023" s="77"/>
    </row>
    <row r="1024" spans="1:6" x14ac:dyDescent="0.2">
      <c r="A1024" s="94"/>
      <c r="B1024" s="95"/>
      <c r="C1024" s="12"/>
      <c r="D1024" s="77"/>
      <c r="E1024" s="77"/>
      <c r="F1024" s="77"/>
    </row>
    <row r="1025" spans="1:6" x14ac:dyDescent="0.2">
      <c r="A1025" s="94"/>
      <c r="B1025" s="95"/>
      <c r="C1025" s="12"/>
      <c r="D1025" s="77"/>
      <c r="E1025" s="77"/>
      <c r="F1025" s="77"/>
    </row>
    <row r="1026" spans="1:6" x14ac:dyDescent="0.2">
      <c r="A1026" s="94"/>
      <c r="B1026" s="95"/>
      <c r="C1026" s="12"/>
      <c r="D1026" s="77"/>
      <c r="E1026" s="77"/>
      <c r="F1026" s="77"/>
    </row>
    <row r="1027" spans="1:6" x14ac:dyDescent="0.2">
      <c r="A1027" s="94"/>
      <c r="B1027" s="95"/>
      <c r="C1027" s="12"/>
      <c r="D1027" s="77"/>
      <c r="E1027" s="77"/>
      <c r="F1027" s="77"/>
    </row>
    <row r="1028" spans="1:6" x14ac:dyDescent="0.2">
      <c r="A1028" s="94"/>
      <c r="B1028" s="95"/>
      <c r="C1028" s="12"/>
      <c r="D1028" s="77"/>
      <c r="E1028" s="77"/>
      <c r="F1028" s="77"/>
    </row>
    <row r="1029" spans="1:6" x14ac:dyDescent="0.2">
      <c r="A1029" s="94"/>
      <c r="B1029" s="95"/>
      <c r="C1029" s="12"/>
      <c r="D1029" s="77"/>
      <c r="E1029" s="77"/>
      <c r="F1029" s="77"/>
    </row>
    <row r="1030" spans="1:6" x14ac:dyDescent="0.2">
      <c r="A1030" s="94"/>
      <c r="B1030" s="95"/>
      <c r="C1030" s="12"/>
      <c r="D1030" s="77"/>
      <c r="E1030" s="77"/>
      <c r="F1030" s="77"/>
    </row>
    <row r="1031" spans="1:6" x14ac:dyDescent="0.2">
      <c r="A1031" s="94"/>
      <c r="B1031" s="95"/>
      <c r="C1031" s="12"/>
      <c r="D1031" s="77"/>
      <c r="E1031" s="77"/>
      <c r="F1031" s="77"/>
    </row>
    <row r="1032" spans="1:6" x14ac:dyDescent="0.2">
      <c r="A1032" s="94"/>
      <c r="B1032" s="95"/>
      <c r="C1032" s="12"/>
      <c r="D1032" s="77"/>
      <c r="E1032" s="77"/>
      <c r="F1032" s="77"/>
    </row>
    <row r="1033" spans="1:6" x14ac:dyDescent="0.2">
      <c r="A1033" s="94"/>
      <c r="B1033" s="95"/>
      <c r="C1033" s="12"/>
      <c r="D1033" s="77"/>
      <c r="E1033" s="77"/>
      <c r="F1033" s="77"/>
    </row>
    <row r="1034" spans="1:6" x14ac:dyDescent="0.2">
      <c r="A1034" s="94"/>
      <c r="B1034" s="95"/>
      <c r="C1034" s="12"/>
      <c r="D1034" s="77"/>
      <c r="E1034" s="77"/>
      <c r="F1034" s="77"/>
    </row>
    <row r="1035" spans="1:6" x14ac:dyDescent="0.2">
      <c r="A1035" s="94"/>
      <c r="B1035" s="95"/>
      <c r="C1035" s="12"/>
      <c r="D1035" s="77"/>
      <c r="E1035" s="77"/>
      <c r="F1035" s="77"/>
    </row>
    <row r="1036" spans="1:6" x14ac:dyDescent="0.2">
      <c r="A1036" s="94"/>
      <c r="B1036" s="95"/>
      <c r="C1036" s="12"/>
      <c r="D1036" s="77"/>
      <c r="E1036" s="77"/>
      <c r="F1036" s="77"/>
    </row>
    <row r="1037" spans="1:6" x14ac:dyDescent="0.2">
      <c r="A1037" s="94"/>
      <c r="B1037" s="95"/>
      <c r="C1037" s="12"/>
      <c r="D1037" s="77"/>
      <c r="E1037" s="77"/>
      <c r="F1037" s="77"/>
    </row>
    <row r="1038" spans="1:6" x14ac:dyDescent="0.2">
      <c r="A1038" s="94"/>
      <c r="B1038" s="95"/>
      <c r="C1038" s="12"/>
      <c r="D1038" s="77"/>
      <c r="E1038" s="77"/>
      <c r="F1038" s="77"/>
    </row>
    <row r="1039" spans="1:6" x14ac:dyDescent="0.2">
      <c r="A1039" s="94"/>
      <c r="B1039" s="95"/>
      <c r="C1039" s="12"/>
      <c r="D1039" s="77"/>
      <c r="E1039" s="77"/>
      <c r="F1039" s="77"/>
    </row>
    <row r="1040" spans="1:6" x14ac:dyDescent="0.2">
      <c r="A1040" s="94"/>
      <c r="B1040" s="95"/>
      <c r="C1040" s="12"/>
      <c r="D1040" s="77"/>
      <c r="E1040" s="77"/>
      <c r="F1040" s="77"/>
    </row>
    <row r="1041" spans="1:6" x14ac:dyDescent="0.2">
      <c r="A1041" s="94"/>
      <c r="B1041" s="95"/>
      <c r="C1041" s="12"/>
      <c r="D1041" s="77"/>
      <c r="E1041" s="77"/>
      <c r="F1041" s="77"/>
    </row>
    <row r="1042" spans="1:6" x14ac:dyDescent="0.2">
      <c r="A1042" s="94"/>
      <c r="B1042" s="95"/>
      <c r="C1042" s="12"/>
      <c r="D1042" s="77"/>
      <c r="E1042" s="77"/>
      <c r="F1042" s="77"/>
    </row>
    <row r="1043" spans="1:6" x14ac:dyDescent="0.2">
      <c r="A1043" s="94"/>
      <c r="B1043" s="95"/>
      <c r="C1043" s="12"/>
      <c r="D1043" s="77"/>
      <c r="E1043" s="77"/>
      <c r="F1043" s="77"/>
    </row>
    <row r="1044" spans="1:6" x14ac:dyDescent="0.2">
      <c r="A1044" s="94"/>
      <c r="B1044" s="95"/>
      <c r="C1044" s="12"/>
      <c r="D1044" s="77"/>
      <c r="E1044" s="77"/>
      <c r="F1044" s="77"/>
    </row>
    <row r="1045" spans="1:6" x14ac:dyDescent="0.2">
      <c r="A1045" s="94"/>
      <c r="B1045" s="95"/>
      <c r="C1045" s="12"/>
      <c r="D1045" s="77"/>
      <c r="E1045" s="77"/>
      <c r="F1045" s="77"/>
    </row>
    <row r="1046" spans="1:6" x14ac:dyDescent="0.2">
      <c r="A1046" s="94"/>
      <c r="B1046" s="95"/>
      <c r="C1046" s="12"/>
      <c r="D1046" s="77"/>
      <c r="E1046" s="77"/>
      <c r="F1046" s="77"/>
    </row>
    <row r="1047" spans="1:6" x14ac:dyDescent="0.2">
      <c r="A1047" s="94"/>
      <c r="B1047" s="95"/>
      <c r="C1047" s="12"/>
      <c r="D1047" s="77"/>
      <c r="E1047" s="77"/>
      <c r="F1047" s="77"/>
    </row>
    <row r="1048" spans="1:6" x14ac:dyDescent="0.2">
      <c r="A1048" s="94"/>
      <c r="B1048" s="95"/>
      <c r="C1048" s="12"/>
      <c r="D1048" s="77"/>
      <c r="E1048" s="77"/>
      <c r="F1048" s="77"/>
    </row>
    <row r="1049" spans="1:6" x14ac:dyDescent="0.2">
      <c r="A1049" s="94"/>
      <c r="B1049" s="95"/>
      <c r="C1049" s="12"/>
      <c r="D1049" s="77"/>
      <c r="E1049" s="77"/>
      <c r="F1049" s="77"/>
    </row>
    <row r="1050" spans="1:6" x14ac:dyDescent="0.2">
      <c r="A1050" s="94"/>
      <c r="B1050" s="95"/>
      <c r="C1050" s="12"/>
      <c r="D1050" s="77"/>
      <c r="E1050" s="77"/>
      <c r="F1050" s="77"/>
    </row>
    <row r="1051" spans="1:6" x14ac:dyDescent="0.2">
      <c r="A1051" s="94"/>
      <c r="B1051" s="95"/>
      <c r="C1051" s="12"/>
      <c r="D1051" s="77"/>
      <c r="E1051" s="77"/>
      <c r="F1051" s="77"/>
    </row>
    <row r="1052" spans="1:6" x14ac:dyDescent="0.2">
      <c r="A1052" s="94"/>
      <c r="B1052" s="95"/>
      <c r="C1052" s="12"/>
      <c r="D1052" s="77"/>
      <c r="E1052" s="77"/>
      <c r="F1052" s="77"/>
    </row>
    <row r="1053" spans="1:6" x14ac:dyDescent="0.2">
      <c r="A1053" s="94"/>
      <c r="B1053" s="95"/>
      <c r="C1053" s="12"/>
      <c r="D1053" s="77"/>
      <c r="E1053" s="77"/>
      <c r="F1053" s="77"/>
    </row>
    <row r="1054" spans="1:6" x14ac:dyDescent="0.2">
      <c r="A1054" s="94"/>
      <c r="B1054" s="95"/>
      <c r="C1054" s="12"/>
      <c r="D1054" s="77"/>
      <c r="E1054" s="77"/>
      <c r="F1054" s="77"/>
    </row>
    <row r="1055" spans="1:6" x14ac:dyDescent="0.2">
      <c r="A1055" s="94"/>
      <c r="B1055" s="95"/>
      <c r="C1055" s="12"/>
      <c r="D1055" s="77"/>
      <c r="E1055" s="77"/>
      <c r="F1055" s="77"/>
    </row>
    <row r="1056" spans="1:6" x14ac:dyDescent="0.2">
      <c r="A1056" s="94"/>
      <c r="B1056" s="95"/>
      <c r="C1056" s="12"/>
      <c r="D1056" s="77"/>
      <c r="E1056" s="77"/>
      <c r="F1056" s="77"/>
    </row>
    <row r="1057" spans="1:6" x14ac:dyDescent="0.2">
      <c r="A1057" s="94"/>
      <c r="B1057" s="95"/>
      <c r="C1057" s="12"/>
      <c r="D1057" s="77"/>
      <c r="E1057" s="77"/>
      <c r="F1057" s="77"/>
    </row>
    <row r="1058" spans="1:6" x14ac:dyDescent="0.2">
      <c r="A1058" s="94"/>
      <c r="B1058" s="95"/>
      <c r="C1058" s="12"/>
      <c r="D1058" s="77"/>
      <c r="E1058" s="77"/>
      <c r="F1058" s="77"/>
    </row>
    <row r="1059" spans="1:6" x14ac:dyDescent="0.2">
      <c r="A1059" s="94"/>
      <c r="B1059" s="95"/>
      <c r="C1059" s="12"/>
      <c r="D1059" s="77"/>
      <c r="E1059" s="77"/>
      <c r="F1059" s="77"/>
    </row>
    <row r="1060" spans="1:6" x14ac:dyDescent="0.2">
      <c r="A1060" s="94"/>
      <c r="B1060" s="95"/>
      <c r="C1060" s="12"/>
      <c r="D1060" s="77"/>
      <c r="E1060" s="77"/>
      <c r="F1060" s="77"/>
    </row>
    <row r="1061" spans="1:6" x14ac:dyDescent="0.2">
      <c r="A1061" s="94"/>
      <c r="B1061" s="95"/>
      <c r="C1061" s="12"/>
      <c r="D1061" s="77"/>
      <c r="E1061" s="77"/>
      <c r="F1061" s="77"/>
    </row>
    <row r="1062" spans="1:6" x14ac:dyDescent="0.2">
      <c r="A1062" s="94"/>
      <c r="B1062" s="95"/>
      <c r="C1062" s="12"/>
      <c r="D1062" s="77"/>
      <c r="E1062" s="77"/>
      <c r="F1062" s="77"/>
    </row>
    <row r="1063" spans="1:6" x14ac:dyDescent="0.2">
      <c r="A1063" s="94"/>
      <c r="B1063" s="95"/>
      <c r="C1063" s="12"/>
      <c r="D1063" s="77"/>
      <c r="E1063" s="77"/>
      <c r="F1063" s="77"/>
    </row>
    <row r="1064" spans="1:6" x14ac:dyDescent="0.2">
      <c r="A1064" s="94"/>
      <c r="B1064" s="95"/>
      <c r="C1064" s="12"/>
      <c r="D1064" s="77"/>
      <c r="E1064" s="77"/>
      <c r="F1064" s="77"/>
    </row>
    <row r="1065" spans="1:6" x14ac:dyDescent="0.2">
      <c r="A1065" s="94"/>
      <c r="B1065" s="95"/>
      <c r="C1065" s="12"/>
      <c r="D1065" s="77"/>
      <c r="E1065" s="77"/>
      <c r="F1065" s="77"/>
    </row>
    <row r="1066" spans="1:6" x14ac:dyDescent="0.2">
      <c r="A1066" s="94"/>
      <c r="B1066" s="95"/>
      <c r="C1066" s="12"/>
      <c r="D1066" s="77"/>
      <c r="E1066" s="77"/>
      <c r="F1066" s="77"/>
    </row>
    <row r="1067" spans="1:6" x14ac:dyDescent="0.2">
      <c r="A1067" s="94"/>
      <c r="B1067" s="95"/>
      <c r="C1067" s="12"/>
      <c r="D1067" s="77"/>
      <c r="E1067" s="77"/>
      <c r="F1067" s="77"/>
    </row>
    <row r="1068" spans="1:6" x14ac:dyDescent="0.2">
      <c r="A1068" s="94"/>
      <c r="B1068" s="95"/>
      <c r="C1068" s="12"/>
      <c r="D1068" s="77"/>
      <c r="E1068" s="77"/>
      <c r="F1068" s="77"/>
    </row>
    <row r="1069" spans="1:6" x14ac:dyDescent="0.2">
      <c r="A1069" s="94"/>
      <c r="B1069" s="95"/>
      <c r="C1069" s="12"/>
      <c r="D1069" s="77"/>
      <c r="E1069" s="77"/>
      <c r="F1069" s="77"/>
    </row>
    <row r="1070" spans="1:6" x14ac:dyDescent="0.2">
      <c r="A1070" s="94"/>
      <c r="B1070" s="95"/>
      <c r="C1070" s="12"/>
      <c r="D1070" s="77"/>
      <c r="E1070" s="77"/>
      <c r="F1070" s="77"/>
    </row>
    <row r="1071" spans="1:6" x14ac:dyDescent="0.2">
      <c r="A1071" s="94"/>
      <c r="B1071" s="95"/>
      <c r="C1071" s="12"/>
      <c r="D1071" s="77"/>
      <c r="E1071" s="77"/>
      <c r="F1071" s="77"/>
    </row>
    <row r="1072" spans="1:6" x14ac:dyDescent="0.2">
      <c r="A1072" s="94"/>
      <c r="B1072" s="95"/>
      <c r="C1072" s="12"/>
      <c r="D1072" s="77"/>
      <c r="E1072" s="77"/>
      <c r="F1072" s="77"/>
    </row>
    <row r="1073" spans="1:6" x14ac:dyDescent="0.2">
      <c r="A1073" s="94"/>
      <c r="B1073" s="95"/>
      <c r="C1073" s="12"/>
      <c r="D1073" s="77"/>
      <c r="E1073" s="77"/>
      <c r="F1073" s="77"/>
    </row>
    <row r="1074" spans="1:6" x14ac:dyDescent="0.2">
      <c r="A1074" s="94"/>
      <c r="B1074" s="95"/>
      <c r="C1074" s="12"/>
      <c r="D1074" s="77"/>
      <c r="E1074" s="77"/>
      <c r="F1074" s="77"/>
    </row>
    <row r="1075" spans="1:6" x14ac:dyDescent="0.2">
      <c r="A1075" s="94"/>
      <c r="B1075" s="95"/>
      <c r="C1075" s="12"/>
      <c r="D1075" s="77"/>
      <c r="E1075" s="77"/>
      <c r="F1075" s="77"/>
    </row>
    <row r="1076" spans="1:6" x14ac:dyDescent="0.2">
      <c r="A1076" s="94"/>
      <c r="B1076" s="95"/>
      <c r="C1076" s="12"/>
      <c r="D1076" s="77"/>
      <c r="E1076" s="77"/>
      <c r="F1076" s="77"/>
    </row>
    <row r="1077" spans="1:6" x14ac:dyDescent="0.2">
      <c r="A1077" s="94"/>
      <c r="B1077" s="95"/>
      <c r="C1077" s="12"/>
      <c r="D1077" s="77"/>
      <c r="E1077" s="77"/>
      <c r="F1077" s="77"/>
    </row>
    <row r="1078" spans="1:6" x14ac:dyDescent="0.2">
      <c r="A1078" s="94"/>
      <c r="B1078" s="95"/>
      <c r="C1078" s="12"/>
      <c r="D1078" s="77"/>
      <c r="E1078" s="77"/>
      <c r="F1078" s="77"/>
    </row>
    <row r="1079" spans="1:6" x14ac:dyDescent="0.2">
      <c r="A1079" s="94"/>
      <c r="B1079" s="95"/>
      <c r="C1079" s="12"/>
      <c r="D1079" s="77"/>
      <c r="E1079" s="77"/>
      <c r="F1079" s="77"/>
    </row>
    <row r="1080" spans="1:6" x14ac:dyDescent="0.2">
      <c r="A1080" s="94"/>
      <c r="B1080" s="95"/>
      <c r="C1080" s="12"/>
      <c r="D1080" s="77"/>
      <c r="E1080" s="77"/>
      <c r="F1080" s="77"/>
    </row>
    <row r="1081" spans="1:6" x14ac:dyDescent="0.2">
      <c r="A1081" s="94"/>
      <c r="B1081" s="95"/>
      <c r="C1081" s="12"/>
      <c r="D1081" s="77"/>
      <c r="E1081" s="77"/>
      <c r="F1081" s="77"/>
    </row>
    <row r="1082" spans="1:6" x14ac:dyDescent="0.2">
      <c r="A1082" s="94"/>
      <c r="B1082" s="95"/>
      <c r="C1082" s="12"/>
      <c r="D1082" s="77"/>
      <c r="E1082" s="77"/>
      <c r="F1082" s="77"/>
    </row>
    <row r="1083" spans="1:6" x14ac:dyDescent="0.2">
      <c r="A1083" s="94"/>
      <c r="B1083" s="95"/>
      <c r="C1083" s="12"/>
      <c r="D1083" s="77"/>
      <c r="E1083" s="77"/>
      <c r="F1083" s="77"/>
    </row>
    <row r="1084" spans="1:6" x14ac:dyDescent="0.2">
      <c r="A1084" s="94"/>
      <c r="B1084" s="95"/>
      <c r="C1084" s="12"/>
      <c r="D1084" s="77"/>
      <c r="E1084" s="77"/>
      <c r="F1084" s="77"/>
    </row>
    <row r="1085" spans="1:6" x14ac:dyDescent="0.2">
      <c r="A1085" s="94"/>
      <c r="B1085" s="95"/>
      <c r="C1085" s="12"/>
      <c r="D1085" s="77"/>
      <c r="E1085" s="77"/>
      <c r="F1085" s="77"/>
    </row>
    <row r="1086" spans="1:6" x14ac:dyDescent="0.2">
      <c r="A1086" s="94"/>
      <c r="B1086" s="95"/>
      <c r="C1086" s="12"/>
      <c r="D1086" s="77"/>
      <c r="E1086" s="77"/>
      <c r="F1086" s="77"/>
    </row>
    <row r="1087" spans="1:6" x14ac:dyDescent="0.2">
      <c r="A1087" s="94"/>
      <c r="B1087" s="95"/>
      <c r="C1087" s="12"/>
      <c r="D1087" s="77"/>
      <c r="E1087" s="77"/>
      <c r="F1087" s="77"/>
    </row>
    <row r="1088" spans="1:6" x14ac:dyDescent="0.2">
      <c r="A1088" s="94"/>
      <c r="B1088" s="95"/>
      <c r="C1088" s="12"/>
      <c r="D1088" s="77"/>
      <c r="E1088" s="77"/>
      <c r="F1088" s="77"/>
    </row>
    <row r="1089" spans="1:6" x14ac:dyDescent="0.2">
      <c r="A1089" s="94"/>
      <c r="B1089" s="95"/>
      <c r="C1089" s="12"/>
      <c r="D1089" s="77"/>
      <c r="E1089" s="77"/>
      <c r="F1089" s="77"/>
    </row>
    <row r="1090" spans="1:6" x14ac:dyDescent="0.2">
      <c r="A1090" s="94"/>
      <c r="B1090" s="95"/>
      <c r="C1090" s="12"/>
      <c r="D1090" s="77"/>
      <c r="E1090" s="77"/>
      <c r="F1090" s="77"/>
    </row>
    <row r="1091" spans="1:6" x14ac:dyDescent="0.2">
      <c r="A1091" s="94"/>
      <c r="B1091" s="95"/>
      <c r="C1091" s="12"/>
      <c r="D1091" s="77"/>
      <c r="E1091" s="77"/>
      <c r="F1091" s="77"/>
    </row>
    <row r="1092" spans="1:6" x14ac:dyDescent="0.2">
      <c r="A1092" s="94"/>
      <c r="B1092" s="95"/>
      <c r="C1092" s="12"/>
      <c r="D1092" s="77"/>
      <c r="E1092" s="77"/>
      <c r="F1092" s="77"/>
    </row>
    <row r="1093" spans="1:6" x14ac:dyDescent="0.2">
      <c r="A1093" s="94"/>
      <c r="B1093" s="95"/>
      <c r="C1093" s="12"/>
      <c r="D1093" s="77"/>
      <c r="E1093" s="77"/>
      <c r="F1093" s="77"/>
    </row>
    <row r="1094" spans="1:6" x14ac:dyDescent="0.2">
      <c r="A1094" s="94"/>
      <c r="B1094" s="95"/>
      <c r="C1094" s="12"/>
      <c r="D1094" s="77"/>
      <c r="E1094" s="77"/>
      <c r="F1094" s="77"/>
    </row>
    <row r="1095" spans="1:6" x14ac:dyDescent="0.2">
      <c r="A1095" s="94"/>
      <c r="B1095" s="95"/>
      <c r="C1095" s="12"/>
      <c r="D1095" s="77"/>
      <c r="E1095" s="77"/>
      <c r="F1095" s="77"/>
    </row>
    <row r="1096" spans="1:6" x14ac:dyDescent="0.2">
      <c r="A1096" s="94"/>
      <c r="B1096" s="95"/>
      <c r="C1096" s="12"/>
      <c r="D1096" s="77"/>
      <c r="E1096" s="77"/>
      <c r="F1096" s="77"/>
    </row>
    <row r="1097" spans="1:6" x14ac:dyDescent="0.2">
      <c r="A1097" s="94"/>
      <c r="B1097" s="95"/>
      <c r="C1097" s="12"/>
      <c r="D1097" s="77"/>
      <c r="E1097" s="77"/>
      <c r="F1097" s="77"/>
    </row>
    <row r="1098" spans="1:6" x14ac:dyDescent="0.2">
      <c r="A1098" s="94"/>
      <c r="B1098" s="95"/>
      <c r="C1098" s="12"/>
      <c r="D1098" s="77"/>
      <c r="E1098" s="77"/>
      <c r="F1098" s="77"/>
    </row>
    <row r="1099" spans="1:6" x14ac:dyDescent="0.2">
      <c r="A1099" s="94"/>
      <c r="B1099" s="95"/>
      <c r="C1099" s="12"/>
      <c r="D1099" s="77"/>
      <c r="E1099" s="77"/>
      <c r="F1099" s="77"/>
    </row>
    <row r="1100" spans="1:6" x14ac:dyDescent="0.2">
      <c r="A1100" s="94"/>
      <c r="B1100" s="95"/>
      <c r="C1100" s="12"/>
      <c r="D1100" s="77"/>
      <c r="E1100" s="77"/>
      <c r="F1100" s="77"/>
    </row>
    <row r="1101" spans="1:6" x14ac:dyDescent="0.2">
      <c r="A1101" s="94"/>
      <c r="B1101" s="95"/>
      <c r="C1101" s="12"/>
      <c r="D1101" s="77"/>
      <c r="E1101" s="77"/>
      <c r="F1101" s="77"/>
    </row>
    <row r="1102" spans="1:6" x14ac:dyDescent="0.2">
      <c r="A1102" s="94"/>
      <c r="B1102" s="95"/>
      <c r="C1102" s="12"/>
      <c r="D1102" s="77"/>
      <c r="E1102" s="77"/>
      <c r="F1102" s="77"/>
    </row>
    <row r="1103" spans="1:6" x14ac:dyDescent="0.2">
      <c r="A1103" s="94"/>
      <c r="B1103" s="95"/>
      <c r="C1103" s="12"/>
      <c r="D1103" s="77"/>
      <c r="E1103" s="77"/>
      <c r="F1103" s="77"/>
    </row>
    <row r="1104" spans="1:6" x14ac:dyDescent="0.2">
      <c r="A1104" s="94"/>
      <c r="B1104" s="95"/>
      <c r="C1104" s="12"/>
      <c r="D1104" s="77"/>
      <c r="E1104" s="77"/>
      <c r="F1104" s="77"/>
    </row>
    <row r="1105" spans="1:6" x14ac:dyDescent="0.2">
      <c r="A1105" s="94"/>
      <c r="B1105" s="95"/>
      <c r="C1105" s="12"/>
      <c r="D1105" s="77"/>
      <c r="E1105" s="77"/>
      <c r="F1105" s="77"/>
    </row>
    <row r="1106" spans="1:6" x14ac:dyDescent="0.2">
      <c r="A1106" s="94"/>
      <c r="B1106" s="95"/>
      <c r="C1106" s="12"/>
      <c r="D1106" s="77"/>
      <c r="E1106" s="77"/>
      <c r="F1106" s="77"/>
    </row>
    <row r="1107" spans="1:6" x14ac:dyDescent="0.2">
      <c r="A1107" s="94"/>
      <c r="B1107" s="95"/>
      <c r="C1107" s="12"/>
      <c r="D1107" s="77"/>
      <c r="E1107" s="77"/>
      <c r="F1107" s="77"/>
    </row>
    <row r="1108" spans="1:6" x14ac:dyDescent="0.2">
      <c r="A1108" s="94"/>
      <c r="B1108" s="95"/>
      <c r="C1108" s="12"/>
      <c r="D1108" s="77"/>
      <c r="E1108" s="77"/>
      <c r="F1108" s="77"/>
    </row>
    <row r="1109" spans="1:6" x14ac:dyDescent="0.2">
      <c r="A1109" s="94"/>
      <c r="B1109" s="95"/>
      <c r="C1109" s="12"/>
      <c r="D1109" s="77"/>
      <c r="E1109" s="77"/>
      <c r="F1109" s="77"/>
    </row>
    <row r="1110" spans="1:6" x14ac:dyDescent="0.2">
      <c r="A1110" s="94"/>
      <c r="B1110" s="95"/>
      <c r="C1110" s="12"/>
      <c r="D1110" s="77"/>
      <c r="E1110" s="77"/>
      <c r="F1110" s="77"/>
    </row>
    <row r="1111" spans="1:6" x14ac:dyDescent="0.2">
      <c r="A1111" s="94"/>
      <c r="B1111" s="95"/>
      <c r="C1111" s="12"/>
      <c r="D1111" s="77"/>
      <c r="E1111" s="77"/>
      <c r="F1111" s="77"/>
    </row>
    <row r="1112" spans="1:6" x14ac:dyDescent="0.2">
      <c r="A1112" s="94"/>
      <c r="B1112" s="95"/>
      <c r="C1112" s="12"/>
      <c r="D1112" s="77"/>
      <c r="E1112" s="77"/>
      <c r="F1112" s="77"/>
    </row>
    <row r="1113" spans="1:6" x14ac:dyDescent="0.2">
      <c r="A1113" s="94"/>
      <c r="B1113" s="95"/>
      <c r="C1113" s="12"/>
      <c r="D1113" s="77"/>
      <c r="E1113" s="77"/>
      <c r="F1113" s="77"/>
    </row>
    <row r="1114" spans="1:6" x14ac:dyDescent="0.2">
      <c r="A1114" s="94"/>
      <c r="B1114" s="95"/>
      <c r="C1114" s="12"/>
      <c r="D1114" s="77"/>
      <c r="E1114" s="77"/>
      <c r="F1114" s="77"/>
    </row>
    <row r="1115" spans="1:6" x14ac:dyDescent="0.2">
      <c r="A1115" s="94"/>
      <c r="B1115" s="95"/>
      <c r="C1115" s="12"/>
      <c r="D1115" s="77"/>
      <c r="E1115" s="77"/>
      <c r="F1115" s="77"/>
    </row>
    <row r="1116" spans="1:6" x14ac:dyDescent="0.2">
      <c r="A1116" s="94"/>
      <c r="B1116" s="95"/>
      <c r="C1116" s="12"/>
      <c r="D1116" s="77"/>
      <c r="E1116" s="77"/>
      <c r="F1116" s="77"/>
    </row>
    <row r="1117" spans="1:6" x14ac:dyDescent="0.2">
      <c r="A1117" s="94"/>
      <c r="B1117" s="95"/>
      <c r="C1117" s="12"/>
      <c r="D1117" s="77"/>
      <c r="E1117" s="77"/>
      <c r="F1117" s="77"/>
    </row>
    <row r="1118" spans="1:6" x14ac:dyDescent="0.2">
      <c r="A1118" s="94"/>
      <c r="B1118" s="95"/>
      <c r="C1118" s="12"/>
      <c r="D1118" s="77"/>
      <c r="E1118" s="77"/>
      <c r="F1118" s="77"/>
    </row>
    <row r="1119" spans="1:6" x14ac:dyDescent="0.2">
      <c r="A1119" s="94"/>
      <c r="B1119" s="95"/>
      <c r="C1119" s="12"/>
      <c r="D1119" s="77"/>
      <c r="E1119" s="77"/>
      <c r="F1119" s="77"/>
    </row>
    <row r="1120" spans="1:6" x14ac:dyDescent="0.2">
      <c r="A1120" s="94"/>
      <c r="B1120" s="95"/>
      <c r="C1120" s="12"/>
      <c r="D1120" s="77"/>
      <c r="E1120" s="77"/>
      <c r="F1120" s="77"/>
    </row>
    <row r="1121" spans="1:6" x14ac:dyDescent="0.2">
      <c r="A1121" s="94"/>
      <c r="B1121" s="95"/>
      <c r="C1121" s="12"/>
      <c r="D1121" s="77"/>
      <c r="E1121" s="77"/>
      <c r="F1121" s="77"/>
    </row>
    <row r="1122" spans="1:6" x14ac:dyDescent="0.2">
      <c r="A1122" s="94"/>
      <c r="B1122" s="95"/>
      <c r="C1122" s="12"/>
      <c r="D1122" s="77"/>
      <c r="E1122" s="77"/>
      <c r="F1122" s="77"/>
    </row>
    <row r="1123" spans="1:6" x14ac:dyDescent="0.2">
      <c r="A1123" s="94"/>
      <c r="B1123" s="95"/>
      <c r="C1123" s="12"/>
      <c r="D1123" s="77"/>
      <c r="E1123" s="77"/>
      <c r="F1123" s="77"/>
    </row>
    <row r="1124" spans="1:6" x14ac:dyDescent="0.2">
      <c r="A1124" s="94"/>
      <c r="B1124" s="95"/>
      <c r="C1124" s="12"/>
      <c r="D1124" s="77"/>
      <c r="E1124" s="77"/>
      <c r="F1124" s="77"/>
    </row>
    <row r="1125" spans="1:6" x14ac:dyDescent="0.2">
      <c r="A1125" s="94"/>
      <c r="B1125" s="95"/>
      <c r="C1125" s="12"/>
      <c r="D1125" s="77"/>
      <c r="E1125" s="77"/>
      <c r="F1125" s="77"/>
    </row>
    <row r="1126" spans="1:6" x14ac:dyDescent="0.2">
      <c r="A1126" s="94"/>
      <c r="B1126" s="95"/>
      <c r="C1126" s="12"/>
      <c r="D1126" s="77"/>
      <c r="E1126" s="77"/>
      <c r="F1126" s="77"/>
    </row>
    <row r="1127" spans="1:6" x14ac:dyDescent="0.2">
      <c r="A1127" s="94"/>
      <c r="B1127" s="95"/>
      <c r="C1127" s="12"/>
      <c r="D1127" s="77"/>
      <c r="E1127" s="77"/>
      <c r="F1127" s="77"/>
    </row>
    <row r="1128" spans="1:6" x14ac:dyDescent="0.2">
      <c r="A1128" s="94"/>
      <c r="B1128" s="95"/>
      <c r="C1128" s="12"/>
      <c r="D1128" s="77"/>
      <c r="E1128" s="77"/>
      <c r="F1128" s="77"/>
    </row>
    <row r="1129" spans="1:6" x14ac:dyDescent="0.2">
      <c r="A1129" s="94"/>
      <c r="B1129" s="95"/>
      <c r="C1129" s="12"/>
      <c r="D1129" s="77"/>
      <c r="E1129" s="77"/>
      <c r="F1129" s="77"/>
    </row>
    <row r="1130" spans="1:6" x14ac:dyDescent="0.2">
      <c r="A1130" s="94"/>
      <c r="B1130" s="95"/>
      <c r="C1130" s="12"/>
      <c r="D1130" s="77"/>
      <c r="E1130" s="77"/>
      <c r="F1130" s="77"/>
    </row>
    <row r="1131" spans="1:6" x14ac:dyDescent="0.2">
      <c r="A1131" s="94"/>
      <c r="B1131" s="95"/>
      <c r="C1131" s="12"/>
      <c r="D1131" s="77"/>
      <c r="E1131" s="77"/>
      <c r="F1131" s="77"/>
    </row>
    <row r="1132" spans="1:6" x14ac:dyDescent="0.2">
      <c r="A1132" s="94"/>
      <c r="B1132" s="95"/>
      <c r="C1132" s="12"/>
      <c r="D1132" s="77"/>
      <c r="E1132" s="77"/>
      <c r="F1132" s="77"/>
    </row>
    <row r="1133" spans="1:6" x14ac:dyDescent="0.2">
      <c r="A1133" s="94"/>
      <c r="B1133" s="95"/>
      <c r="C1133" s="12"/>
      <c r="D1133" s="77"/>
      <c r="E1133" s="77"/>
      <c r="F1133" s="77"/>
    </row>
    <row r="1134" spans="1:6" x14ac:dyDescent="0.2">
      <c r="A1134" s="94"/>
      <c r="B1134" s="95"/>
      <c r="C1134" s="12"/>
      <c r="D1134" s="77"/>
      <c r="E1134" s="77"/>
      <c r="F1134" s="77"/>
    </row>
    <row r="1135" spans="1:6" x14ac:dyDescent="0.2">
      <c r="A1135" s="94"/>
      <c r="B1135" s="95"/>
      <c r="C1135" s="12"/>
      <c r="D1135" s="77"/>
      <c r="E1135" s="77"/>
      <c r="F1135" s="77"/>
    </row>
    <row r="1136" spans="1:6" x14ac:dyDescent="0.2">
      <c r="A1136" s="94"/>
      <c r="B1136" s="95"/>
      <c r="C1136" s="12"/>
      <c r="D1136" s="77"/>
      <c r="E1136" s="77"/>
      <c r="F1136" s="77"/>
    </row>
    <row r="1137" spans="1:6" x14ac:dyDescent="0.2">
      <c r="A1137" s="94"/>
      <c r="B1137" s="95"/>
      <c r="C1137" s="12"/>
      <c r="D1137" s="77"/>
      <c r="E1137" s="77"/>
      <c r="F1137" s="77"/>
    </row>
    <row r="1138" spans="1:6" x14ac:dyDescent="0.2">
      <c r="A1138" s="94"/>
      <c r="B1138" s="95"/>
      <c r="C1138" s="12"/>
      <c r="D1138" s="77"/>
      <c r="E1138" s="77"/>
      <c r="F1138" s="77"/>
    </row>
    <row r="1139" spans="1:6" x14ac:dyDescent="0.2">
      <c r="A1139" s="94"/>
      <c r="B1139" s="95"/>
      <c r="C1139" s="12"/>
      <c r="D1139" s="77"/>
      <c r="E1139" s="77"/>
      <c r="F1139" s="77"/>
    </row>
    <row r="1140" spans="1:6" x14ac:dyDescent="0.2">
      <c r="A1140" s="94"/>
      <c r="B1140" s="95"/>
      <c r="C1140" s="12"/>
      <c r="D1140" s="77"/>
      <c r="E1140" s="77"/>
      <c r="F1140" s="77"/>
    </row>
    <row r="1141" spans="1:6" x14ac:dyDescent="0.2">
      <c r="A1141" s="94"/>
      <c r="B1141" s="95"/>
      <c r="C1141" s="12"/>
      <c r="D1141" s="77"/>
      <c r="E1141" s="77"/>
      <c r="F1141" s="77"/>
    </row>
    <row r="1142" spans="1:6" x14ac:dyDescent="0.2">
      <c r="A1142" s="94"/>
      <c r="B1142" s="95"/>
      <c r="C1142" s="12"/>
      <c r="D1142" s="77"/>
      <c r="E1142" s="77"/>
      <c r="F1142" s="77"/>
    </row>
    <row r="1143" spans="1:6" x14ac:dyDescent="0.2">
      <c r="A1143" s="94"/>
      <c r="B1143" s="95"/>
      <c r="C1143" s="12"/>
      <c r="D1143" s="77"/>
      <c r="E1143" s="77"/>
      <c r="F1143" s="77"/>
    </row>
    <row r="1144" spans="1:6" x14ac:dyDescent="0.2">
      <c r="A1144" s="94"/>
      <c r="B1144" s="95"/>
      <c r="C1144" s="12"/>
      <c r="D1144" s="77"/>
      <c r="E1144" s="77"/>
      <c r="F1144" s="77"/>
    </row>
    <row r="1145" spans="1:6" x14ac:dyDescent="0.2">
      <c r="A1145" s="94"/>
      <c r="B1145" s="95"/>
      <c r="C1145" s="12"/>
      <c r="D1145" s="77"/>
      <c r="E1145" s="77"/>
      <c r="F1145" s="77"/>
    </row>
    <row r="1146" spans="1:6" x14ac:dyDescent="0.2">
      <c r="A1146" s="94"/>
      <c r="B1146" s="95"/>
      <c r="C1146" s="12"/>
      <c r="D1146" s="77"/>
      <c r="E1146" s="77"/>
      <c r="F1146" s="77"/>
    </row>
    <row r="1147" spans="1:6" x14ac:dyDescent="0.2">
      <c r="A1147" s="94"/>
      <c r="B1147" s="95"/>
      <c r="C1147" s="12"/>
      <c r="D1147" s="77"/>
      <c r="E1147" s="77"/>
      <c r="F1147" s="77"/>
    </row>
    <row r="1148" spans="1:6" x14ac:dyDescent="0.2">
      <c r="A1148" s="94"/>
      <c r="B1148" s="95"/>
      <c r="C1148" s="12"/>
      <c r="D1148" s="77"/>
      <c r="E1148" s="77"/>
      <c r="F1148" s="77"/>
    </row>
    <row r="1149" spans="1:6" x14ac:dyDescent="0.2">
      <c r="A1149" s="94"/>
      <c r="B1149" s="95"/>
      <c r="C1149" s="12"/>
      <c r="D1149" s="77"/>
      <c r="E1149" s="77"/>
      <c r="F1149" s="77"/>
    </row>
    <row r="1150" spans="1:6" x14ac:dyDescent="0.2">
      <c r="A1150" s="94"/>
      <c r="B1150" s="95"/>
      <c r="C1150" s="12"/>
      <c r="D1150" s="77"/>
      <c r="E1150" s="77"/>
      <c r="F1150" s="77"/>
    </row>
    <row r="1151" spans="1:6" x14ac:dyDescent="0.2">
      <c r="A1151" s="94"/>
      <c r="B1151" s="95"/>
      <c r="C1151" s="12"/>
      <c r="D1151" s="77"/>
      <c r="E1151" s="77"/>
      <c r="F1151" s="77"/>
    </row>
    <row r="1152" spans="1:6" x14ac:dyDescent="0.2">
      <c r="A1152" s="94"/>
      <c r="B1152" s="95"/>
      <c r="C1152" s="12"/>
      <c r="D1152" s="77"/>
      <c r="E1152" s="77"/>
      <c r="F1152" s="77"/>
    </row>
    <row r="1153" spans="1:6" x14ac:dyDescent="0.2">
      <c r="A1153" s="94"/>
      <c r="B1153" s="95"/>
      <c r="C1153" s="12"/>
      <c r="D1153" s="77"/>
      <c r="E1153" s="77"/>
      <c r="F1153" s="77"/>
    </row>
    <row r="1154" spans="1:6" x14ac:dyDescent="0.2">
      <c r="A1154" s="94"/>
      <c r="B1154" s="95"/>
      <c r="C1154" s="12"/>
      <c r="D1154" s="77"/>
      <c r="E1154" s="77"/>
      <c r="F1154" s="77"/>
    </row>
    <row r="1155" spans="1:6" x14ac:dyDescent="0.2">
      <c r="A1155" s="94"/>
      <c r="B1155" s="95"/>
      <c r="C1155" s="12"/>
      <c r="D1155" s="77"/>
      <c r="E1155" s="77"/>
      <c r="F1155" s="77"/>
    </row>
    <row r="1156" spans="1:6" x14ac:dyDescent="0.2">
      <c r="A1156" s="94"/>
      <c r="B1156" s="95"/>
      <c r="C1156" s="12"/>
      <c r="D1156" s="77"/>
      <c r="E1156" s="77"/>
      <c r="F1156" s="77"/>
    </row>
    <row r="1157" spans="1:6" x14ac:dyDescent="0.2">
      <c r="A1157" s="94"/>
      <c r="B1157" s="95"/>
      <c r="C1157" s="12"/>
      <c r="D1157" s="77"/>
      <c r="E1157" s="77"/>
      <c r="F1157" s="77"/>
    </row>
    <row r="1158" spans="1:6" x14ac:dyDescent="0.2">
      <c r="A1158" s="94"/>
      <c r="B1158" s="95"/>
      <c r="C1158" s="12"/>
      <c r="D1158" s="77"/>
      <c r="E1158" s="77"/>
      <c r="F1158" s="77"/>
    </row>
    <row r="1159" spans="1:6" x14ac:dyDescent="0.2">
      <c r="A1159" s="94"/>
      <c r="B1159" s="95"/>
      <c r="C1159" s="12"/>
      <c r="D1159" s="77"/>
      <c r="E1159" s="77"/>
      <c r="F1159" s="77"/>
    </row>
    <row r="1160" spans="1:6" x14ac:dyDescent="0.2">
      <c r="A1160" s="94"/>
      <c r="B1160" s="95"/>
      <c r="C1160" s="12"/>
      <c r="D1160" s="77"/>
      <c r="E1160" s="77"/>
      <c r="F1160" s="77"/>
    </row>
    <row r="1161" spans="1:6" x14ac:dyDescent="0.2">
      <c r="A1161" s="94"/>
      <c r="B1161" s="95"/>
      <c r="C1161" s="12"/>
      <c r="D1161" s="77"/>
      <c r="E1161" s="77"/>
      <c r="F1161" s="77"/>
    </row>
    <row r="1162" spans="1:6" x14ac:dyDescent="0.2">
      <c r="A1162" s="94"/>
      <c r="B1162" s="95"/>
      <c r="C1162" s="12"/>
      <c r="D1162" s="77"/>
      <c r="E1162" s="77"/>
      <c r="F1162" s="77"/>
    </row>
    <row r="1163" spans="1:6" x14ac:dyDescent="0.2">
      <c r="A1163" s="94"/>
      <c r="B1163" s="95"/>
      <c r="C1163" s="12"/>
      <c r="D1163" s="77"/>
      <c r="E1163" s="77"/>
      <c r="F1163" s="77"/>
    </row>
    <row r="1164" spans="1:6" x14ac:dyDescent="0.2">
      <c r="A1164" s="94"/>
      <c r="B1164" s="95"/>
      <c r="C1164" s="12"/>
      <c r="D1164" s="77"/>
      <c r="E1164" s="77"/>
      <c r="F1164" s="77"/>
    </row>
    <row r="1165" spans="1:6" x14ac:dyDescent="0.2">
      <c r="A1165" s="94"/>
      <c r="B1165" s="95"/>
      <c r="C1165" s="12"/>
      <c r="D1165" s="77"/>
      <c r="E1165" s="77"/>
      <c r="F1165" s="77"/>
    </row>
    <row r="1166" spans="1:6" x14ac:dyDescent="0.2">
      <c r="A1166" s="94"/>
      <c r="B1166" s="95"/>
      <c r="C1166" s="12"/>
      <c r="D1166" s="77"/>
      <c r="E1166" s="77"/>
      <c r="F1166" s="77"/>
    </row>
    <row r="1167" spans="1:6" x14ac:dyDescent="0.2">
      <c r="A1167" s="94"/>
      <c r="B1167" s="95"/>
      <c r="C1167" s="12"/>
      <c r="D1167" s="77"/>
      <c r="E1167" s="77"/>
      <c r="F1167" s="77"/>
    </row>
    <row r="1168" spans="1:6" x14ac:dyDescent="0.2">
      <c r="A1168" s="94"/>
      <c r="B1168" s="95"/>
      <c r="C1168" s="12"/>
      <c r="D1168" s="77"/>
      <c r="E1168" s="77"/>
      <c r="F1168" s="77"/>
    </row>
    <row r="1169" spans="1:6" x14ac:dyDescent="0.2">
      <c r="A1169" s="94"/>
      <c r="B1169" s="95"/>
      <c r="C1169" s="12"/>
      <c r="D1169" s="77"/>
      <c r="E1169" s="77"/>
      <c r="F1169" s="77"/>
    </row>
    <row r="1170" spans="1:6" x14ac:dyDescent="0.2">
      <c r="A1170" s="94"/>
      <c r="B1170" s="95"/>
      <c r="C1170" s="12"/>
      <c r="D1170" s="77"/>
      <c r="E1170" s="77"/>
      <c r="F1170" s="77"/>
    </row>
    <row r="1171" spans="1:6" x14ac:dyDescent="0.2">
      <c r="A1171" s="94"/>
      <c r="B1171" s="95"/>
      <c r="C1171" s="12"/>
      <c r="D1171" s="77"/>
      <c r="E1171" s="77"/>
      <c r="F1171" s="77"/>
    </row>
    <row r="1172" spans="1:6" x14ac:dyDescent="0.2">
      <c r="A1172" s="94"/>
      <c r="B1172" s="95"/>
      <c r="C1172" s="12"/>
      <c r="D1172" s="77"/>
      <c r="E1172" s="77"/>
      <c r="F1172" s="77"/>
    </row>
    <row r="1173" spans="1:6" x14ac:dyDescent="0.2">
      <c r="A1173" s="94"/>
      <c r="B1173" s="95"/>
      <c r="C1173" s="12"/>
      <c r="D1173" s="77"/>
      <c r="E1173" s="77"/>
      <c r="F1173" s="77"/>
    </row>
    <row r="1174" spans="1:6" x14ac:dyDescent="0.2">
      <c r="A1174" s="94"/>
      <c r="B1174" s="95"/>
      <c r="C1174" s="12"/>
      <c r="D1174" s="77"/>
      <c r="E1174" s="77"/>
      <c r="F1174" s="77"/>
    </row>
    <row r="1175" spans="1:6" x14ac:dyDescent="0.2">
      <c r="A1175" s="94"/>
      <c r="B1175" s="95"/>
      <c r="C1175" s="12"/>
      <c r="D1175" s="77"/>
      <c r="E1175" s="77"/>
      <c r="F1175" s="77"/>
    </row>
    <row r="1176" spans="1:6" x14ac:dyDescent="0.2">
      <c r="A1176" s="94"/>
      <c r="B1176" s="95"/>
      <c r="C1176" s="12"/>
      <c r="D1176" s="77"/>
      <c r="E1176" s="77"/>
      <c r="F1176" s="77"/>
    </row>
    <row r="1177" spans="1:6" x14ac:dyDescent="0.2">
      <c r="A1177" s="94"/>
      <c r="B1177" s="95"/>
      <c r="C1177" s="12"/>
      <c r="D1177" s="77"/>
      <c r="E1177" s="77"/>
      <c r="F1177" s="77"/>
    </row>
    <row r="1178" spans="1:6" x14ac:dyDescent="0.2">
      <c r="A1178" s="94"/>
      <c r="B1178" s="95"/>
      <c r="C1178" s="12"/>
      <c r="D1178" s="77"/>
      <c r="E1178" s="77"/>
      <c r="F1178" s="77"/>
    </row>
    <row r="1179" spans="1:6" x14ac:dyDescent="0.2">
      <c r="A1179" s="94"/>
      <c r="B1179" s="95"/>
      <c r="C1179" s="12"/>
      <c r="D1179" s="77"/>
      <c r="E1179" s="77"/>
      <c r="F1179" s="77"/>
    </row>
    <row r="1180" spans="1:6" x14ac:dyDescent="0.2">
      <c r="A1180" s="94"/>
      <c r="B1180" s="95"/>
      <c r="C1180" s="12"/>
      <c r="D1180" s="77"/>
      <c r="E1180" s="77"/>
      <c r="F1180" s="77"/>
    </row>
    <row r="1181" spans="1:6" x14ac:dyDescent="0.2">
      <c r="A1181" s="94"/>
      <c r="B1181" s="95"/>
      <c r="C1181" s="12"/>
      <c r="D1181" s="77"/>
      <c r="E1181" s="77"/>
      <c r="F1181" s="77"/>
    </row>
    <row r="1182" spans="1:6" x14ac:dyDescent="0.2">
      <c r="A1182" s="94"/>
      <c r="B1182" s="95"/>
      <c r="C1182" s="12"/>
      <c r="D1182" s="77"/>
      <c r="E1182" s="77"/>
      <c r="F1182" s="77"/>
    </row>
    <row r="1183" spans="1:6" x14ac:dyDescent="0.2">
      <c r="A1183" s="94"/>
      <c r="B1183" s="95"/>
      <c r="C1183" s="12"/>
      <c r="D1183" s="77"/>
      <c r="E1183" s="77"/>
      <c r="F1183" s="77"/>
    </row>
    <row r="1184" spans="1:6" x14ac:dyDescent="0.2">
      <c r="A1184" s="94"/>
      <c r="B1184" s="95"/>
      <c r="C1184" s="12"/>
      <c r="D1184" s="77"/>
      <c r="E1184" s="77"/>
      <c r="F1184" s="77"/>
    </row>
    <row r="1185" spans="1:6" x14ac:dyDescent="0.2">
      <c r="A1185" s="94"/>
      <c r="B1185" s="95"/>
      <c r="C1185" s="12"/>
      <c r="D1185" s="77"/>
      <c r="E1185" s="77"/>
      <c r="F1185" s="77"/>
    </row>
    <row r="1186" spans="1:6" x14ac:dyDescent="0.2">
      <c r="A1186" s="94"/>
      <c r="B1186" s="95"/>
      <c r="C1186" s="12"/>
      <c r="D1186" s="77"/>
      <c r="E1186" s="77"/>
      <c r="F1186" s="77"/>
    </row>
    <row r="1187" spans="1:6" x14ac:dyDescent="0.2">
      <c r="A1187" s="94"/>
      <c r="B1187" s="95"/>
      <c r="C1187" s="12"/>
      <c r="D1187" s="77"/>
      <c r="E1187" s="77"/>
      <c r="F1187" s="77"/>
    </row>
    <row r="1188" spans="1:6" x14ac:dyDescent="0.2">
      <c r="A1188" s="94"/>
      <c r="B1188" s="95"/>
      <c r="C1188" s="12"/>
      <c r="D1188" s="77"/>
      <c r="E1188" s="77"/>
      <c r="F1188" s="77"/>
    </row>
    <row r="1189" spans="1:6" x14ac:dyDescent="0.2">
      <c r="A1189" s="94"/>
      <c r="B1189" s="95"/>
      <c r="C1189" s="12"/>
      <c r="D1189" s="77"/>
      <c r="E1189" s="77"/>
      <c r="F1189" s="77"/>
    </row>
    <row r="1190" spans="1:6" x14ac:dyDescent="0.2">
      <c r="A1190" s="94"/>
      <c r="B1190" s="95"/>
      <c r="C1190" s="12"/>
      <c r="D1190" s="77"/>
      <c r="E1190" s="77"/>
      <c r="F1190" s="77"/>
    </row>
    <row r="1191" spans="1:6" x14ac:dyDescent="0.2">
      <c r="A1191" s="94"/>
      <c r="B1191" s="95"/>
      <c r="C1191" s="12"/>
      <c r="D1191" s="77"/>
      <c r="E1191" s="77"/>
      <c r="F1191" s="77"/>
    </row>
    <row r="1192" spans="1:6" x14ac:dyDescent="0.2">
      <c r="A1192" s="94"/>
      <c r="B1192" s="95"/>
      <c r="C1192" s="12"/>
      <c r="D1192" s="77"/>
      <c r="E1192" s="77"/>
      <c r="F1192" s="77"/>
    </row>
    <row r="1193" spans="1:6" x14ac:dyDescent="0.2">
      <c r="A1193" s="94"/>
      <c r="B1193" s="95"/>
      <c r="C1193" s="12"/>
      <c r="D1193" s="77"/>
      <c r="E1193" s="77"/>
      <c r="F1193" s="77"/>
    </row>
    <row r="1194" spans="1:6" x14ac:dyDescent="0.2">
      <c r="A1194" s="94"/>
      <c r="B1194" s="95"/>
      <c r="C1194" s="12"/>
      <c r="D1194" s="77"/>
      <c r="E1194" s="77"/>
      <c r="F1194" s="77"/>
    </row>
    <row r="1195" spans="1:6" x14ac:dyDescent="0.2">
      <c r="A1195" s="94"/>
      <c r="B1195" s="95"/>
      <c r="C1195" s="12"/>
      <c r="D1195" s="77"/>
      <c r="E1195" s="77"/>
      <c r="F1195" s="77"/>
    </row>
    <row r="1196" spans="1:6" x14ac:dyDescent="0.2">
      <c r="A1196" s="94"/>
      <c r="B1196" s="95"/>
      <c r="C1196" s="12"/>
      <c r="D1196" s="77"/>
      <c r="E1196" s="77"/>
      <c r="F1196" s="77"/>
    </row>
    <row r="1197" spans="1:6" x14ac:dyDescent="0.2">
      <c r="A1197" s="94"/>
      <c r="B1197" s="95"/>
      <c r="C1197" s="12"/>
      <c r="D1197" s="77"/>
      <c r="E1197" s="77"/>
      <c r="F1197" s="77"/>
    </row>
    <row r="1198" spans="1:6" x14ac:dyDescent="0.2">
      <c r="A1198" s="94"/>
      <c r="B1198" s="95"/>
      <c r="C1198" s="12"/>
      <c r="D1198" s="77"/>
      <c r="E1198" s="77"/>
      <c r="F1198" s="77"/>
    </row>
    <row r="1199" spans="1:6" x14ac:dyDescent="0.2">
      <c r="A1199" s="94"/>
      <c r="B1199" s="95"/>
      <c r="C1199" s="12"/>
      <c r="D1199" s="77"/>
      <c r="E1199" s="77"/>
      <c r="F1199" s="77"/>
    </row>
    <row r="1200" spans="1:6" x14ac:dyDescent="0.2">
      <c r="A1200" s="94"/>
      <c r="B1200" s="95"/>
      <c r="C1200" s="12"/>
      <c r="D1200" s="77"/>
      <c r="E1200" s="77"/>
      <c r="F1200" s="77"/>
    </row>
    <row r="1201" spans="1:6" x14ac:dyDescent="0.2">
      <c r="A1201" s="94"/>
      <c r="B1201" s="95"/>
      <c r="C1201" s="12"/>
      <c r="D1201" s="77"/>
      <c r="E1201" s="77"/>
      <c r="F1201" s="77"/>
    </row>
    <row r="1202" spans="1:6" x14ac:dyDescent="0.2">
      <c r="A1202" s="94"/>
      <c r="B1202" s="95"/>
      <c r="C1202" s="12"/>
      <c r="D1202" s="77"/>
      <c r="E1202" s="77"/>
      <c r="F1202" s="77"/>
    </row>
    <row r="1203" spans="1:6" x14ac:dyDescent="0.2">
      <c r="A1203" s="94"/>
      <c r="B1203" s="95"/>
      <c r="C1203" s="12"/>
      <c r="D1203" s="77"/>
      <c r="E1203" s="77"/>
      <c r="F1203" s="77"/>
    </row>
    <row r="1204" spans="1:6" x14ac:dyDescent="0.2">
      <c r="A1204" s="94"/>
      <c r="B1204" s="95"/>
      <c r="C1204" s="12"/>
      <c r="D1204" s="77"/>
      <c r="E1204" s="77"/>
      <c r="F1204" s="77"/>
    </row>
    <row r="1205" spans="1:6" x14ac:dyDescent="0.2">
      <c r="A1205" s="94"/>
      <c r="B1205" s="95"/>
      <c r="C1205" s="12"/>
      <c r="D1205" s="77"/>
      <c r="E1205" s="77"/>
      <c r="F1205" s="77"/>
    </row>
    <row r="1206" spans="1:6" x14ac:dyDescent="0.2">
      <c r="A1206" s="94"/>
      <c r="B1206" s="95"/>
      <c r="C1206" s="12"/>
      <c r="D1206" s="77"/>
      <c r="E1206" s="77"/>
      <c r="F1206" s="77"/>
    </row>
    <row r="1207" spans="1:6" x14ac:dyDescent="0.2">
      <c r="A1207" s="94"/>
      <c r="B1207" s="95"/>
      <c r="C1207" s="12"/>
      <c r="D1207" s="77"/>
      <c r="E1207" s="77"/>
      <c r="F1207" s="77"/>
    </row>
    <row r="1208" spans="1:6" x14ac:dyDescent="0.2">
      <c r="A1208" s="94"/>
      <c r="B1208" s="95"/>
      <c r="C1208" s="12"/>
      <c r="D1208" s="77"/>
      <c r="E1208" s="77"/>
      <c r="F1208" s="77"/>
    </row>
    <row r="1209" spans="1:6" x14ac:dyDescent="0.2">
      <c r="A1209" s="94"/>
      <c r="B1209" s="95"/>
      <c r="C1209" s="12"/>
      <c r="D1209" s="77"/>
      <c r="E1209" s="77"/>
      <c r="F1209" s="77"/>
    </row>
    <row r="1210" spans="1:6" x14ac:dyDescent="0.2">
      <c r="A1210" s="94"/>
      <c r="B1210" s="95"/>
      <c r="C1210" s="12"/>
      <c r="D1210" s="77"/>
      <c r="E1210" s="77"/>
      <c r="F1210" s="77"/>
    </row>
    <row r="1211" spans="1:6" x14ac:dyDescent="0.2">
      <c r="A1211" s="94"/>
      <c r="B1211" s="95"/>
      <c r="C1211" s="12"/>
      <c r="D1211" s="77"/>
      <c r="E1211" s="77"/>
      <c r="F1211" s="77"/>
    </row>
    <row r="1212" spans="1:6" x14ac:dyDescent="0.2">
      <c r="A1212" s="94"/>
      <c r="B1212" s="95"/>
      <c r="C1212" s="12"/>
      <c r="D1212" s="77"/>
      <c r="E1212" s="77"/>
      <c r="F1212" s="77"/>
    </row>
    <row r="1213" spans="1:6" x14ac:dyDescent="0.2">
      <c r="A1213" s="94"/>
      <c r="B1213" s="95"/>
      <c r="C1213" s="12"/>
      <c r="D1213" s="77"/>
      <c r="E1213" s="77"/>
      <c r="F1213" s="77"/>
    </row>
    <row r="1214" spans="1:6" x14ac:dyDescent="0.2">
      <c r="A1214" s="94"/>
      <c r="B1214" s="95"/>
      <c r="C1214" s="12"/>
      <c r="D1214" s="77"/>
      <c r="E1214" s="77"/>
      <c r="F1214" s="77"/>
    </row>
    <row r="1215" spans="1:6" x14ac:dyDescent="0.2">
      <c r="A1215" s="94"/>
      <c r="B1215" s="95"/>
      <c r="C1215" s="12"/>
      <c r="D1215" s="77"/>
      <c r="E1215" s="77"/>
      <c r="F1215" s="77"/>
    </row>
    <row r="1216" spans="1:6" x14ac:dyDescent="0.2">
      <c r="A1216" s="94"/>
      <c r="B1216" s="95"/>
      <c r="C1216" s="12"/>
      <c r="D1216" s="77"/>
      <c r="E1216" s="77"/>
      <c r="F1216" s="77"/>
    </row>
    <row r="1217" spans="1:6" x14ac:dyDescent="0.2">
      <c r="A1217" s="94"/>
      <c r="B1217" s="95"/>
      <c r="C1217" s="12"/>
      <c r="D1217" s="77"/>
      <c r="E1217" s="77"/>
      <c r="F1217" s="77"/>
    </row>
    <row r="1218" spans="1:6" x14ac:dyDescent="0.2">
      <c r="A1218" s="94"/>
      <c r="B1218" s="95"/>
      <c r="C1218" s="12"/>
      <c r="D1218" s="77"/>
      <c r="E1218" s="77"/>
      <c r="F1218" s="77"/>
    </row>
    <row r="1219" spans="1:6" x14ac:dyDescent="0.2">
      <c r="A1219" s="94"/>
      <c r="B1219" s="95"/>
      <c r="C1219" s="12"/>
      <c r="D1219" s="77"/>
      <c r="E1219" s="77"/>
      <c r="F1219" s="77"/>
    </row>
    <row r="1220" spans="1:6" x14ac:dyDescent="0.2">
      <c r="A1220" s="94"/>
      <c r="B1220" s="95"/>
      <c r="C1220" s="12"/>
      <c r="D1220" s="77"/>
      <c r="E1220" s="77"/>
      <c r="F1220" s="77"/>
    </row>
    <row r="1221" spans="1:6" x14ac:dyDescent="0.2">
      <c r="A1221" s="94"/>
      <c r="B1221" s="95"/>
      <c r="C1221" s="12"/>
      <c r="D1221" s="77"/>
      <c r="E1221" s="77"/>
      <c r="F1221" s="77"/>
    </row>
    <row r="1222" spans="1:6" x14ac:dyDescent="0.2">
      <c r="A1222" s="94"/>
      <c r="B1222" s="95"/>
      <c r="C1222" s="12"/>
      <c r="D1222" s="77"/>
      <c r="E1222" s="77"/>
      <c r="F1222" s="77"/>
    </row>
    <row r="1223" spans="1:6" x14ac:dyDescent="0.2">
      <c r="A1223" s="94"/>
      <c r="B1223" s="95"/>
      <c r="C1223" s="12"/>
      <c r="D1223" s="77"/>
      <c r="E1223" s="77"/>
      <c r="F1223" s="77"/>
    </row>
    <row r="1224" spans="1:6" x14ac:dyDescent="0.2">
      <c r="A1224" s="94"/>
      <c r="B1224" s="95"/>
      <c r="C1224" s="12"/>
      <c r="D1224" s="77"/>
      <c r="E1224" s="77"/>
      <c r="F1224" s="77"/>
    </row>
    <row r="1225" spans="1:6" x14ac:dyDescent="0.2">
      <c r="A1225" s="94"/>
      <c r="B1225" s="95"/>
      <c r="C1225" s="12"/>
      <c r="D1225" s="77"/>
      <c r="E1225" s="77"/>
      <c r="F1225" s="77"/>
    </row>
    <row r="1226" spans="1:6" x14ac:dyDescent="0.2">
      <c r="A1226" s="94"/>
      <c r="B1226" s="95"/>
      <c r="C1226" s="12"/>
      <c r="D1226" s="77"/>
      <c r="E1226" s="77"/>
      <c r="F1226" s="77"/>
    </row>
    <row r="1227" spans="1:6" x14ac:dyDescent="0.2">
      <c r="A1227" s="94"/>
      <c r="B1227" s="95"/>
      <c r="C1227" s="12"/>
      <c r="D1227" s="77"/>
      <c r="E1227" s="77"/>
      <c r="F1227" s="77"/>
    </row>
    <row r="1228" spans="1:6" x14ac:dyDescent="0.2">
      <c r="A1228" s="94"/>
      <c r="B1228" s="95"/>
      <c r="C1228" s="12"/>
      <c r="D1228" s="77"/>
      <c r="E1228" s="77"/>
      <c r="F1228" s="77"/>
    </row>
    <row r="1229" spans="1:6" x14ac:dyDescent="0.2">
      <c r="A1229" s="94"/>
      <c r="B1229" s="95"/>
      <c r="C1229" s="12"/>
      <c r="D1229" s="77"/>
      <c r="E1229" s="77"/>
      <c r="F1229" s="77"/>
    </row>
    <row r="1230" spans="1:6" x14ac:dyDescent="0.2">
      <c r="A1230" s="94"/>
      <c r="B1230" s="95"/>
      <c r="C1230" s="12"/>
      <c r="D1230" s="77"/>
      <c r="E1230" s="77"/>
      <c r="F1230" s="77"/>
    </row>
    <row r="1231" spans="1:6" x14ac:dyDescent="0.2">
      <c r="A1231" s="94"/>
      <c r="B1231" s="95"/>
      <c r="C1231" s="12"/>
      <c r="D1231" s="77"/>
      <c r="E1231" s="77"/>
      <c r="F1231" s="77"/>
    </row>
    <row r="1232" spans="1:6" x14ac:dyDescent="0.2">
      <c r="A1232" s="94"/>
      <c r="B1232" s="95"/>
      <c r="C1232" s="12"/>
      <c r="D1232" s="77"/>
      <c r="E1232" s="77"/>
      <c r="F1232" s="77"/>
    </row>
    <row r="1233" spans="1:6" x14ac:dyDescent="0.2">
      <c r="A1233" s="94"/>
      <c r="B1233" s="95"/>
      <c r="C1233" s="12"/>
      <c r="D1233" s="77"/>
      <c r="E1233" s="77"/>
      <c r="F1233" s="77"/>
    </row>
    <row r="1234" spans="1:6" x14ac:dyDescent="0.2">
      <c r="A1234" s="94"/>
      <c r="B1234" s="95"/>
      <c r="C1234" s="12"/>
      <c r="D1234" s="77"/>
      <c r="E1234" s="77"/>
      <c r="F1234" s="77"/>
    </row>
    <row r="1235" spans="1:6" x14ac:dyDescent="0.2">
      <c r="A1235" s="94"/>
      <c r="B1235" s="95"/>
      <c r="C1235" s="12"/>
      <c r="D1235" s="77"/>
      <c r="E1235" s="77"/>
      <c r="F1235" s="77"/>
    </row>
    <row r="1236" spans="1:6" x14ac:dyDescent="0.2">
      <c r="A1236" s="94"/>
      <c r="B1236" s="95"/>
      <c r="C1236" s="12"/>
      <c r="D1236" s="77"/>
      <c r="E1236" s="77"/>
      <c r="F1236" s="77"/>
    </row>
    <row r="1237" spans="1:6" x14ac:dyDescent="0.2">
      <c r="A1237" s="94"/>
      <c r="B1237" s="95"/>
      <c r="C1237" s="12"/>
      <c r="D1237" s="77"/>
      <c r="E1237" s="77"/>
      <c r="F1237" s="77"/>
    </row>
    <row r="1238" spans="1:6" x14ac:dyDescent="0.2">
      <c r="A1238" s="94"/>
      <c r="B1238" s="95"/>
      <c r="C1238" s="12"/>
      <c r="D1238" s="77"/>
      <c r="E1238" s="77"/>
      <c r="F1238" s="77"/>
    </row>
    <row r="1239" spans="1:6" x14ac:dyDescent="0.2">
      <c r="A1239" s="94"/>
      <c r="B1239" s="95"/>
      <c r="C1239" s="12"/>
      <c r="D1239" s="77"/>
      <c r="E1239" s="77"/>
      <c r="F1239" s="77"/>
    </row>
    <row r="1240" spans="1:6" x14ac:dyDescent="0.2">
      <c r="A1240" s="94"/>
      <c r="B1240" s="95"/>
      <c r="C1240" s="12"/>
      <c r="D1240" s="77"/>
      <c r="E1240" s="77"/>
      <c r="F1240" s="77"/>
    </row>
    <row r="1241" spans="1:6" x14ac:dyDescent="0.2">
      <c r="A1241" s="94"/>
      <c r="B1241" s="95"/>
      <c r="C1241" s="12"/>
      <c r="D1241" s="77"/>
      <c r="E1241" s="77"/>
      <c r="F1241" s="77"/>
    </row>
    <row r="1242" spans="1:6" x14ac:dyDescent="0.2">
      <c r="A1242" s="94"/>
      <c r="B1242" s="95"/>
      <c r="C1242" s="12"/>
      <c r="D1242" s="77"/>
      <c r="E1242" s="77"/>
      <c r="F1242" s="77"/>
    </row>
    <row r="1243" spans="1:6" x14ac:dyDescent="0.2">
      <c r="A1243" s="94"/>
      <c r="B1243" s="95"/>
      <c r="C1243" s="12"/>
      <c r="D1243" s="77"/>
      <c r="E1243" s="77"/>
      <c r="F1243" s="77"/>
    </row>
    <row r="1244" spans="1:6" x14ac:dyDescent="0.2">
      <c r="A1244" s="94"/>
      <c r="B1244" s="95"/>
      <c r="C1244" s="12"/>
      <c r="D1244" s="77"/>
      <c r="E1244" s="77"/>
      <c r="F1244" s="77"/>
    </row>
    <row r="1245" spans="1:6" x14ac:dyDescent="0.2">
      <c r="A1245" s="94"/>
      <c r="B1245" s="95"/>
      <c r="C1245" s="12"/>
      <c r="D1245" s="77"/>
      <c r="E1245" s="77"/>
      <c r="F1245" s="77"/>
    </row>
    <row r="1246" spans="1:6" x14ac:dyDescent="0.2">
      <c r="A1246" s="94"/>
      <c r="B1246" s="95"/>
      <c r="C1246" s="12"/>
      <c r="D1246" s="77"/>
      <c r="E1246" s="77"/>
      <c r="F1246" s="77"/>
    </row>
    <row r="1247" spans="1:6" x14ac:dyDescent="0.2">
      <c r="A1247" s="94"/>
      <c r="B1247" s="95"/>
      <c r="C1247" s="12"/>
      <c r="D1247" s="77"/>
      <c r="E1247" s="77"/>
      <c r="F1247" s="77"/>
    </row>
    <row r="1248" spans="1:6" x14ac:dyDescent="0.2">
      <c r="A1248" s="94"/>
      <c r="B1248" s="95"/>
      <c r="C1248" s="12"/>
      <c r="D1248" s="77"/>
      <c r="E1248" s="77"/>
      <c r="F1248" s="77"/>
    </row>
    <row r="1249" spans="1:6" x14ac:dyDescent="0.2">
      <c r="A1249" s="94"/>
      <c r="B1249" s="95"/>
      <c r="C1249" s="12"/>
      <c r="D1249" s="77"/>
      <c r="E1249" s="77"/>
      <c r="F1249" s="77"/>
    </row>
    <row r="1250" spans="1:6" x14ac:dyDescent="0.2">
      <c r="A1250" s="94"/>
      <c r="B1250" s="95"/>
      <c r="C1250" s="12"/>
      <c r="D1250" s="77"/>
      <c r="E1250" s="77"/>
      <c r="F1250" s="77"/>
    </row>
    <row r="1251" spans="1:6" x14ac:dyDescent="0.2">
      <c r="A1251" s="94"/>
      <c r="B1251" s="95"/>
      <c r="C1251" s="12"/>
      <c r="D1251" s="77"/>
      <c r="E1251" s="77"/>
      <c r="F1251" s="77"/>
    </row>
    <row r="1252" spans="1:6" x14ac:dyDescent="0.2">
      <c r="A1252" s="94"/>
      <c r="B1252" s="95"/>
      <c r="C1252" s="12"/>
      <c r="D1252" s="77"/>
      <c r="E1252" s="77"/>
      <c r="F1252" s="77"/>
    </row>
    <row r="1253" spans="1:6" x14ac:dyDescent="0.2">
      <c r="A1253" s="94"/>
      <c r="B1253" s="95"/>
      <c r="C1253" s="12"/>
      <c r="D1253" s="77"/>
      <c r="E1253" s="77"/>
      <c r="F1253" s="77"/>
    </row>
    <row r="1254" spans="1:6" x14ac:dyDescent="0.2">
      <c r="A1254" s="94"/>
      <c r="B1254" s="95"/>
      <c r="C1254" s="12"/>
      <c r="D1254" s="77"/>
      <c r="E1254" s="77"/>
      <c r="F1254" s="77"/>
    </row>
    <row r="1255" spans="1:6" x14ac:dyDescent="0.2">
      <c r="A1255" s="94"/>
      <c r="B1255" s="95"/>
      <c r="C1255" s="12"/>
      <c r="D1255" s="77"/>
      <c r="E1255" s="77"/>
      <c r="F1255" s="77"/>
    </row>
    <row r="1256" spans="1:6" x14ac:dyDescent="0.2">
      <c r="A1256" s="94"/>
      <c r="B1256" s="95"/>
      <c r="C1256" s="12"/>
      <c r="D1256" s="77"/>
      <c r="E1256" s="77"/>
      <c r="F1256" s="77"/>
    </row>
    <row r="1257" spans="1:6" x14ac:dyDescent="0.2">
      <c r="A1257" s="94"/>
      <c r="B1257" s="95"/>
      <c r="C1257" s="12"/>
      <c r="D1257" s="77"/>
      <c r="E1257" s="77"/>
      <c r="F1257" s="77"/>
    </row>
    <row r="1258" spans="1:6" x14ac:dyDescent="0.2">
      <c r="A1258" s="94"/>
      <c r="B1258" s="95"/>
      <c r="C1258" s="12"/>
      <c r="D1258" s="77"/>
      <c r="E1258" s="77"/>
      <c r="F1258" s="77"/>
    </row>
    <row r="1259" spans="1:6" x14ac:dyDescent="0.2">
      <c r="A1259" s="94"/>
      <c r="B1259" s="95"/>
      <c r="C1259" s="12"/>
      <c r="D1259" s="77"/>
      <c r="E1259" s="77"/>
      <c r="F1259" s="77"/>
    </row>
    <row r="1260" spans="1:6" x14ac:dyDescent="0.2">
      <c r="A1260" s="94"/>
      <c r="B1260" s="95"/>
      <c r="C1260" s="12"/>
      <c r="D1260" s="77"/>
      <c r="E1260" s="77"/>
      <c r="F1260" s="77"/>
    </row>
    <row r="1261" spans="1:6" x14ac:dyDescent="0.2">
      <c r="A1261" s="94"/>
      <c r="B1261" s="95"/>
      <c r="C1261" s="12"/>
      <c r="D1261" s="77"/>
      <c r="E1261" s="77"/>
      <c r="F1261" s="77"/>
    </row>
    <row r="1262" spans="1:6" x14ac:dyDescent="0.2">
      <c r="A1262" s="94"/>
      <c r="B1262" s="95"/>
      <c r="C1262" s="12"/>
      <c r="D1262" s="77"/>
      <c r="E1262" s="77"/>
      <c r="F1262" s="77"/>
    </row>
    <row r="1263" spans="1:6" x14ac:dyDescent="0.2">
      <c r="A1263" s="94"/>
      <c r="B1263" s="95"/>
      <c r="C1263" s="12"/>
      <c r="D1263" s="77"/>
      <c r="E1263" s="77"/>
      <c r="F1263" s="77"/>
    </row>
    <row r="1264" spans="1:6" x14ac:dyDescent="0.2">
      <c r="A1264" s="94"/>
      <c r="B1264" s="95"/>
      <c r="C1264" s="12"/>
      <c r="D1264" s="77"/>
      <c r="E1264" s="77"/>
      <c r="F1264" s="77"/>
    </row>
    <row r="1265" spans="1:6" x14ac:dyDescent="0.2">
      <c r="A1265" s="94"/>
      <c r="B1265" s="95"/>
      <c r="C1265" s="12"/>
      <c r="D1265" s="77"/>
      <c r="E1265" s="77"/>
      <c r="F1265" s="77"/>
    </row>
    <row r="1266" spans="1:6" x14ac:dyDescent="0.2">
      <c r="A1266" s="94"/>
      <c r="B1266" s="95"/>
      <c r="C1266" s="12"/>
      <c r="D1266" s="77"/>
      <c r="E1266" s="77"/>
      <c r="F1266" s="77"/>
    </row>
    <row r="1267" spans="1:6" x14ac:dyDescent="0.2">
      <c r="A1267" s="94"/>
      <c r="B1267" s="95"/>
      <c r="C1267" s="12"/>
      <c r="D1267" s="77"/>
      <c r="E1267" s="77"/>
      <c r="F1267" s="77"/>
    </row>
    <row r="1268" spans="1:6" x14ac:dyDescent="0.2">
      <c r="A1268" s="94"/>
      <c r="B1268" s="95"/>
      <c r="C1268" s="12"/>
      <c r="D1268" s="77"/>
      <c r="E1268" s="77"/>
      <c r="F1268" s="77"/>
    </row>
    <row r="1269" spans="1:6" x14ac:dyDescent="0.2">
      <c r="A1269" s="94"/>
      <c r="B1269" s="95"/>
      <c r="C1269" s="12"/>
      <c r="D1269" s="77"/>
      <c r="E1269" s="77"/>
      <c r="F1269" s="77"/>
    </row>
    <row r="1270" spans="1:6" x14ac:dyDescent="0.2">
      <c r="A1270" s="94"/>
      <c r="B1270" s="95"/>
      <c r="C1270" s="12"/>
      <c r="D1270" s="77"/>
      <c r="E1270" s="77"/>
      <c r="F1270" s="77"/>
    </row>
    <row r="1271" spans="1:6" x14ac:dyDescent="0.2">
      <c r="A1271" s="94"/>
      <c r="B1271" s="95"/>
      <c r="C1271" s="12"/>
      <c r="D1271" s="77"/>
      <c r="E1271" s="77"/>
      <c r="F1271" s="77"/>
    </row>
    <row r="1272" spans="1:6" x14ac:dyDescent="0.2">
      <c r="A1272" s="94"/>
      <c r="B1272" s="95"/>
      <c r="C1272" s="12"/>
      <c r="D1272" s="77"/>
      <c r="E1272" s="77"/>
      <c r="F1272" s="77"/>
    </row>
    <row r="1273" spans="1:6" x14ac:dyDescent="0.2">
      <c r="A1273" s="94"/>
      <c r="B1273" s="95"/>
      <c r="C1273" s="12"/>
      <c r="D1273" s="77"/>
      <c r="E1273" s="77"/>
      <c r="F1273" s="77"/>
    </row>
    <row r="1274" spans="1:6" x14ac:dyDescent="0.2">
      <c r="A1274" s="94"/>
      <c r="B1274" s="95"/>
      <c r="C1274" s="12"/>
      <c r="D1274" s="77"/>
      <c r="E1274" s="77"/>
      <c r="F1274" s="77"/>
    </row>
    <row r="1275" spans="1:6" x14ac:dyDescent="0.2">
      <c r="A1275" s="94"/>
      <c r="B1275" s="95"/>
      <c r="C1275" s="12"/>
      <c r="D1275" s="77"/>
      <c r="E1275" s="77"/>
      <c r="F1275" s="77"/>
    </row>
    <row r="1276" spans="1:6" x14ac:dyDescent="0.2">
      <c r="A1276" s="94"/>
      <c r="B1276" s="95"/>
      <c r="C1276" s="12"/>
      <c r="D1276" s="77"/>
      <c r="E1276" s="77"/>
      <c r="F1276" s="77"/>
    </row>
    <row r="1277" spans="1:6" x14ac:dyDescent="0.2">
      <c r="A1277" s="94"/>
      <c r="B1277" s="95"/>
      <c r="C1277" s="12"/>
      <c r="D1277" s="77"/>
      <c r="E1277" s="77"/>
      <c r="F1277" s="77"/>
    </row>
    <row r="1278" spans="1:6" x14ac:dyDescent="0.2">
      <c r="A1278" s="94"/>
      <c r="B1278" s="95"/>
      <c r="C1278" s="12"/>
      <c r="D1278" s="77"/>
      <c r="E1278" s="77"/>
      <c r="F1278" s="77"/>
    </row>
    <row r="1279" spans="1:6" x14ac:dyDescent="0.2">
      <c r="A1279" s="94"/>
      <c r="B1279" s="95"/>
      <c r="C1279" s="12"/>
      <c r="D1279" s="77"/>
      <c r="E1279" s="77"/>
      <c r="F1279" s="77"/>
    </row>
    <row r="1280" spans="1:6" x14ac:dyDescent="0.2">
      <c r="A1280" s="94"/>
      <c r="B1280" s="95"/>
      <c r="C1280" s="12"/>
      <c r="D1280" s="77"/>
      <c r="E1280" s="77"/>
      <c r="F1280" s="77"/>
    </row>
    <row r="1281" spans="1:6" x14ac:dyDescent="0.2">
      <c r="A1281" s="94"/>
      <c r="B1281" s="95"/>
      <c r="C1281" s="12"/>
      <c r="D1281" s="77"/>
      <c r="E1281" s="77"/>
      <c r="F1281" s="77"/>
    </row>
    <row r="1282" spans="1:6" x14ac:dyDescent="0.2">
      <c r="A1282" s="94"/>
      <c r="B1282" s="95"/>
      <c r="C1282" s="12"/>
      <c r="D1282" s="77"/>
      <c r="E1282" s="77"/>
      <c r="F1282" s="77"/>
    </row>
    <row r="1283" spans="1:6" x14ac:dyDescent="0.2">
      <c r="A1283" s="94"/>
      <c r="B1283" s="95"/>
      <c r="C1283" s="12"/>
      <c r="D1283" s="77"/>
      <c r="E1283" s="77"/>
      <c r="F1283" s="77"/>
    </row>
    <row r="1284" spans="1:6" x14ac:dyDescent="0.2">
      <c r="A1284" s="94"/>
      <c r="B1284" s="95"/>
      <c r="C1284" s="12"/>
      <c r="D1284" s="77"/>
      <c r="E1284" s="77"/>
      <c r="F1284" s="77"/>
    </row>
    <row r="1285" spans="1:6" x14ac:dyDescent="0.2">
      <c r="A1285" s="94"/>
      <c r="B1285" s="95"/>
      <c r="C1285" s="12"/>
      <c r="D1285" s="77"/>
      <c r="E1285" s="77"/>
      <c r="F1285" s="77"/>
    </row>
    <row r="1286" spans="1:6" x14ac:dyDescent="0.2">
      <c r="A1286" s="94"/>
      <c r="B1286" s="95"/>
      <c r="C1286" s="12"/>
      <c r="D1286" s="77"/>
      <c r="E1286" s="77"/>
      <c r="F1286" s="77"/>
    </row>
    <row r="1287" spans="1:6" x14ac:dyDescent="0.2">
      <c r="A1287" s="94"/>
      <c r="B1287" s="95"/>
      <c r="C1287" s="12"/>
      <c r="D1287" s="77"/>
      <c r="E1287" s="77"/>
      <c r="F1287" s="77"/>
    </row>
    <row r="1288" spans="1:6" x14ac:dyDescent="0.2">
      <c r="A1288" s="94"/>
      <c r="B1288" s="95"/>
      <c r="C1288" s="12"/>
      <c r="D1288" s="77"/>
      <c r="E1288" s="77"/>
      <c r="F1288" s="77"/>
    </row>
    <row r="1289" spans="1:6" x14ac:dyDescent="0.2">
      <c r="A1289" s="94"/>
      <c r="B1289" s="95"/>
      <c r="C1289" s="12"/>
      <c r="D1289" s="77"/>
      <c r="E1289" s="77"/>
      <c r="F1289" s="77"/>
    </row>
    <row r="1290" spans="1:6" x14ac:dyDescent="0.2">
      <c r="A1290" s="94"/>
      <c r="B1290" s="95"/>
      <c r="C1290" s="12"/>
      <c r="D1290" s="77"/>
      <c r="E1290" s="77"/>
      <c r="F1290" s="77"/>
    </row>
    <row r="1291" spans="1:6" x14ac:dyDescent="0.2">
      <c r="A1291" s="94"/>
      <c r="B1291" s="95"/>
      <c r="C1291" s="12"/>
      <c r="D1291" s="77"/>
      <c r="E1291" s="77"/>
      <c r="F1291" s="77"/>
    </row>
    <row r="1292" spans="1:6" x14ac:dyDescent="0.2">
      <c r="A1292" s="94"/>
      <c r="B1292" s="95"/>
      <c r="C1292" s="12"/>
      <c r="D1292" s="77"/>
      <c r="E1292" s="77"/>
      <c r="F1292" s="77"/>
    </row>
    <row r="1293" spans="1:6" x14ac:dyDescent="0.2">
      <c r="A1293" s="94"/>
      <c r="B1293" s="95"/>
      <c r="C1293" s="12"/>
      <c r="D1293" s="77"/>
      <c r="E1293" s="77"/>
      <c r="F1293" s="77"/>
    </row>
    <row r="1294" spans="1:6" x14ac:dyDescent="0.2">
      <c r="A1294" s="94"/>
      <c r="B1294" s="95"/>
      <c r="C1294" s="12"/>
      <c r="D1294" s="77"/>
      <c r="E1294" s="77"/>
      <c r="F1294" s="77"/>
    </row>
    <row r="1295" spans="1:6" x14ac:dyDescent="0.2">
      <c r="A1295" s="94"/>
      <c r="B1295" s="95"/>
      <c r="C1295" s="12"/>
      <c r="D1295" s="77"/>
      <c r="E1295" s="77"/>
      <c r="F1295" s="77"/>
    </row>
    <row r="1296" spans="1:6" x14ac:dyDescent="0.2">
      <c r="A1296" s="94"/>
      <c r="B1296" s="95"/>
      <c r="C1296" s="12"/>
      <c r="D1296" s="77"/>
      <c r="E1296" s="77"/>
      <c r="F1296" s="77"/>
    </row>
    <row r="1297" spans="1:6" x14ac:dyDescent="0.2">
      <c r="A1297" s="94"/>
      <c r="B1297" s="95"/>
      <c r="C1297" s="12"/>
      <c r="D1297" s="77"/>
      <c r="E1297" s="77"/>
      <c r="F1297" s="77"/>
    </row>
    <row r="1298" spans="1:6" x14ac:dyDescent="0.2">
      <c r="A1298" s="94"/>
      <c r="B1298" s="95"/>
      <c r="C1298" s="12"/>
      <c r="D1298" s="77"/>
      <c r="E1298" s="77"/>
      <c r="F1298" s="77"/>
    </row>
    <row r="1299" spans="1:6" x14ac:dyDescent="0.2">
      <c r="A1299" s="94"/>
      <c r="B1299" s="95"/>
      <c r="C1299" s="12"/>
      <c r="D1299" s="77"/>
      <c r="E1299" s="77"/>
      <c r="F1299" s="77"/>
    </row>
    <row r="1300" spans="1:6" x14ac:dyDescent="0.2">
      <c r="A1300" s="94"/>
      <c r="B1300" s="95"/>
      <c r="C1300" s="12"/>
      <c r="D1300" s="77"/>
      <c r="E1300" s="77"/>
      <c r="F1300" s="77"/>
    </row>
    <row r="1301" spans="1:6" x14ac:dyDescent="0.2">
      <c r="A1301" s="94"/>
      <c r="B1301" s="95"/>
      <c r="C1301" s="12"/>
      <c r="D1301" s="77"/>
      <c r="E1301" s="77"/>
      <c r="F1301" s="77"/>
    </row>
    <row r="1302" spans="1:6" x14ac:dyDescent="0.2">
      <c r="A1302" s="94"/>
      <c r="B1302" s="95"/>
      <c r="C1302" s="12"/>
      <c r="D1302" s="77"/>
      <c r="E1302" s="77"/>
      <c r="F1302" s="77"/>
    </row>
    <row r="1303" spans="1:6" x14ac:dyDescent="0.2">
      <c r="A1303" s="94"/>
      <c r="B1303" s="95"/>
      <c r="C1303" s="12"/>
      <c r="D1303" s="77"/>
      <c r="E1303" s="77"/>
      <c r="F1303" s="77"/>
    </row>
    <row r="1304" spans="1:6" x14ac:dyDescent="0.2">
      <c r="A1304" s="94"/>
      <c r="B1304" s="95"/>
      <c r="C1304" s="12"/>
      <c r="D1304" s="77"/>
      <c r="E1304" s="77"/>
      <c r="F1304" s="77"/>
    </row>
    <row r="1305" spans="1:6" x14ac:dyDescent="0.2">
      <c r="A1305" s="94"/>
      <c r="B1305" s="95"/>
      <c r="C1305" s="12"/>
      <c r="D1305" s="77"/>
      <c r="E1305" s="77"/>
      <c r="F1305" s="77"/>
    </row>
    <row r="1306" spans="1:6" x14ac:dyDescent="0.2">
      <c r="A1306" s="94"/>
      <c r="B1306" s="95"/>
      <c r="C1306" s="12"/>
      <c r="D1306" s="77"/>
      <c r="E1306" s="77"/>
      <c r="F1306" s="77"/>
    </row>
    <row r="1307" spans="1:6" x14ac:dyDescent="0.2">
      <c r="A1307" s="94"/>
      <c r="B1307" s="95"/>
      <c r="C1307" s="12"/>
      <c r="D1307" s="77"/>
      <c r="E1307" s="77"/>
      <c r="F1307" s="77"/>
    </row>
    <row r="1308" spans="1:6" x14ac:dyDescent="0.2">
      <c r="A1308" s="94"/>
      <c r="B1308" s="95"/>
      <c r="C1308" s="12"/>
      <c r="D1308" s="77"/>
      <c r="E1308" s="77"/>
      <c r="F1308" s="77"/>
    </row>
    <row r="1309" spans="1:6" x14ac:dyDescent="0.2">
      <c r="A1309" s="94"/>
      <c r="B1309" s="95"/>
      <c r="C1309" s="12"/>
      <c r="D1309" s="77"/>
      <c r="E1309" s="77"/>
      <c r="F1309" s="77"/>
    </row>
    <row r="1310" spans="1:6" x14ac:dyDescent="0.2">
      <c r="A1310" s="94"/>
      <c r="B1310" s="95"/>
      <c r="C1310" s="12"/>
      <c r="D1310" s="77"/>
      <c r="E1310" s="77"/>
      <c r="F1310" s="77"/>
    </row>
    <row r="1311" spans="1:6" x14ac:dyDescent="0.2">
      <c r="A1311" s="94"/>
      <c r="B1311" s="95"/>
      <c r="C1311" s="12"/>
      <c r="D1311" s="77"/>
      <c r="E1311" s="77"/>
      <c r="F1311" s="77"/>
    </row>
    <row r="1312" spans="1:6" x14ac:dyDescent="0.2">
      <c r="A1312" s="94"/>
      <c r="B1312" s="95"/>
      <c r="C1312" s="12"/>
      <c r="D1312" s="77"/>
      <c r="E1312" s="77"/>
      <c r="F1312" s="77"/>
    </row>
    <row r="1313" spans="1:6" x14ac:dyDescent="0.2">
      <c r="A1313" s="94"/>
      <c r="B1313" s="95"/>
      <c r="C1313" s="12"/>
      <c r="D1313" s="77"/>
      <c r="E1313" s="77"/>
      <c r="F1313" s="77"/>
    </row>
    <row r="1314" spans="1:6" x14ac:dyDescent="0.2">
      <c r="A1314" s="94"/>
      <c r="B1314" s="95"/>
      <c r="C1314" s="12"/>
      <c r="D1314" s="77"/>
      <c r="E1314" s="77"/>
      <c r="F1314" s="77"/>
    </row>
    <row r="1315" spans="1:6" x14ac:dyDescent="0.2">
      <c r="A1315" s="94"/>
      <c r="B1315" s="95"/>
      <c r="C1315" s="12"/>
      <c r="D1315" s="77"/>
      <c r="E1315" s="77"/>
      <c r="F1315" s="77"/>
    </row>
    <row r="1316" spans="1:6" x14ac:dyDescent="0.2">
      <c r="A1316" s="94"/>
      <c r="B1316" s="95"/>
      <c r="C1316" s="12"/>
      <c r="D1316" s="77"/>
      <c r="E1316" s="77"/>
      <c r="F1316" s="77"/>
    </row>
    <row r="1317" spans="1:6" x14ac:dyDescent="0.2">
      <c r="A1317" s="94"/>
      <c r="B1317" s="95"/>
      <c r="C1317" s="12"/>
      <c r="D1317" s="77"/>
      <c r="E1317" s="77"/>
      <c r="F1317" s="77"/>
    </row>
    <row r="1318" spans="1:6" x14ac:dyDescent="0.2">
      <c r="A1318" s="94"/>
      <c r="B1318" s="95"/>
      <c r="C1318" s="12"/>
      <c r="D1318" s="77"/>
      <c r="E1318" s="77"/>
      <c r="F1318" s="77"/>
    </row>
    <row r="1319" spans="1:6" x14ac:dyDescent="0.2">
      <c r="A1319" s="94"/>
      <c r="B1319" s="95"/>
      <c r="C1319" s="12"/>
      <c r="D1319" s="77"/>
      <c r="E1319" s="77"/>
      <c r="F1319" s="77"/>
    </row>
    <row r="1320" spans="1:6" x14ac:dyDescent="0.2">
      <c r="A1320" s="94"/>
      <c r="B1320" s="95"/>
      <c r="C1320" s="12"/>
      <c r="D1320" s="77"/>
      <c r="E1320" s="77"/>
      <c r="F1320" s="77"/>
    </row>
    <row r="1321" spans="1:6" x14ac:dyDescent="0.2">
      <c r="A1321" s="94"/>
      <c r="B1321" s="95"/>
      <c r="C1321" s="12"/>
      <c r="D1321" s="77"/>
      <c r="E1321" s="77"/>
      <c r="F1321" s="77"/>
    </row>
    <row r="1322" spans="1:6" x14ac:dyDescent="0.2">
      <c r="A1322" s="94"/>
      <c r="B1322" s="95"/>
      <c r="C1322" s="12"/>
      <c r="D1322" s="77"/>
      <c r="E1322" s="77"/>
      <c r="F1322" s="77"/>
    </row>
    <row r="1323" spans="1:6" x14ac:dyDescent="0.2">
      <c r="A1323" s="94"/>
      <c r="B1323" s="95"/>
      <c r="C1323" s="12"/>
      <c r="D1323" s="77"/>
      <c r="E1323" s="77"/>
      <c r="F1323" s="77"/>
    </row>
    <row r="1324" spans="1:6" x14ac:dyDescent="0.2">
      <c r="A1324" s="94"/>
      <c r="B1324" s="95"/>
      <c r="C1324" s="12"/>
      <c r="D1324" s="77"/>
      <c r="E1324" s="77"/>
      <c r="F1324" s="77"/>
    </row>
    <row r="1325" spans="1:6" x14ac:dyDescent="0.2">
      <c r="A1325" s="94"/>
      <c r="B1325" s="95"/>
      <c r="C1325" s="12"/>
      <c r="D1325" s="77"/>
      <c r="E1325" s="77"/>
      <c r="F1325" s="77"/>
    </row>
    <row r="1326" spans="1:6" x14ac:dyDescent="0.2">
      <c r="A1326" s="94"/>
      <c r="B1326" s="95"/>
      <c r="C1326" s="12"/>
      <c r="D1326" s="77"/>
      <c r="E1326" s="77"/>
      <c r="F1326" s="77"/>
    </row>
    <row r="1327" spans="1:6" x14ac:dyDescent="0.2">
      <c r="A1327" s="94"/>
      <c r="B1327" s="95"/>
      <c r="C1327" s="12"/>
      <c r="D1327" s="77"/>
      <c r="E1327" s="77"/>
      <c r="F1327" s="77"/>
    </row>
    <row r="1328" spans="1:6" x14ac:dyDescent="0.2">
      <c r="A1328" s="94"/>
      <c r="B1328" s="95"/>
      <c r="C1328" s="12"/>
      <c r="D1328" s="77"/>
      <c r="E1328" s="77"/>
      <c r="F1328" s="77"/>
    </row>
    <row r="1329" spans="1:6" x14ac:dyDescent="0.2">
      <c r="A1329" s="94"/>
      <c r="B1329" s="95"/>
      <c r="C1329" s="12"/>
      <c r="D1329" s="77"/>
      <c r="E1329" s="77"/>
      <c r="F1329" s="77"/>
    </row>
    <row r="1330" spans="1:6" x14ac:dyDescent="0.2">
      <c r="A1330" s="94"/>
      <c r="B1330" s="95"/>
      <c r="C1330" s="12"/>
      <c r="D1330" s="77"/>
      <c r="E1330" s="77"/>
      <c r="F1330" s="77"/>
    </row>
    <row r="1331" spans="1:6" x14ac:dyDescent="0.2">
      <c r="A1331" s="94"/>
      <c r="B1331" s="95"/>
      <c r="C1331" s="12"/>
      <c r="D1331" s="77"/>
      <c r="E1331" s="77"/>
      <c r="F1331" s="77"/>
    </row>
    <row r="1332" spans="1:6" x14ac:dyDescent="0.2">
      <c r="A1332" s="94"/>
      <c r="B1332" s="95"/>
      <c r="C1332" s="12"/>
      <c r="D1332" s="77"/>
      <c r="E1332" s="77"/>
      <c r="F1332" s="77"/>
    </row>
    <row r="1333" spans="1:6" x14ac:dyDescent="0.2">
      <c r="A1333" s="94"/>
      <c r="B1333" s="95"/>
      <c r="C1333" s="12"/>
      <c r="D1333" s="77"/>
      <c r="E1333" s="77"/>
      <c r="F1333" s="77"/>
    </row>
    <row r="1334" spans="1:6" x14ac:dyDescent="0.2">
      <c r="A1334" s="94"/>
      <c r="B1334" s="95"/>
      <c r="C1334" s="12"/>
      <c r="D1334" s="77"/>
      <c r="E1334" s="77"/>
      <c r="F1334" s="77"/>
    </row>
    <row r="1335" spans="1:6" x14ac:dyDescent="0.2">
      <c r="A1335" s="94"/>
      <c r="B1335" s="95"/>
      <c r="C1335" s="12"/>
      <c r="D1335" s="77"/>
      <c r="E1335" s="77"/>
      <c r="F1335" s="77"/>
    </row>
    <row r="1336" spans="1:6" x14ac:dyDescent="0.2">
      <c r="A1336" s="94"/>
      <c r="B1336" s="95"/>
      <c r="C1336" s="12"/>
      <c r="D1336" s="77"/>
      <c r="E1336" s="77"/>
      <c r="F1336" s="77"/>
    </row>
    <row r="1337" spans="1:6" x14ac:dyDescent="0.2">
      <c r="A1337" s="94"/>
      <c r="B1337" s="95"/>
      <c r="C1337" s="12"/>
      <c r="D1337" s="77"/>
      <c r="E1337" s="77"/>
      <c r="F1337" s="77"/>
    </row>
    <row r="1338" spans="1:6" x14ac:dyDescent="0.2">
      <c r="A1338" s="94"/>
      <c r="B1338" s="95"/>
      <c r="C1338" s="12"/>
      <c r="D1338" s="77"/>
      <c r="E1338" s="77"/>
      <c r="F1338" s="77"/>
    </row>
    <row r="1339" spans="1:6" x14ac:dyDescent="0.2">
      <c r="A1339" s="94"/>
      <c r="B1339" s="95"/>
      <c r="C1339" s="12"/>
      <c r="D1339" s="77"/>
      <c r="E1339" s="77"/>
      <c r="F1339" s="77"/>
    </row>
    <row r="1340" spans="1:6" x14ac:dyDescent="0.2">
      <c r="A1340" s="94"/>
      <c r="B1340" s="95"/>
      <c r="C1340" s="12"/>
      <c r="D1340" s="77"/>
      <c r="E1340" s="77"/>
      <c r="F1340" s="77"/>
    </row>
    <row r="1341" spans="1:6" x14ac:dyDescent="0.2">
      <c r="A1341" s="94"/>
      <c r="B1341" s="95"/>
      <c r="C1341" s="12"/>
      <c r="D1341" s="77"/>
      <c r="E1341" s="77"/>
      <c r="F1341" s="77"/>
    </row>
    <row r="1342" spans="1:6" x14ac:dyDescent="0.2">
      <c r="A1342" s="94"/>
      <c r="B1342" s="95"/>
      <c r="C1342" s="12"/>
      <c r="D1342" s="77"/>
      <c r="E1342" s="77"/>
      <c r="F1342" s="77"/>
    </row>
    <row r="1343" spans="1:6" x14ac:dyDescent="0.2">
      <c r="A1343" s="94"/>
      <c r="B1343" s="95"/>
      <c r="C1343" s="12"/>
      <c r="D1343" s="77"/>
      <c r="E1343" s="77"/>
      <c r="F1343" s="77"/>
    </row>
    <row r="1344" spans="1:6" x14ac:dyDescent="0.2">
      <c r="A1344" s="94"/>
      <c r="B1344" s="95"/>
      <c r="C1344" s="12"/>
      <c r="D1344" s="77"/>
      <c r="E1344" s="77"/>
      <c r="F1344" s="77"/>
    </row>
    <row r="1345" spans="1:6" x14ac:dyDescent="0.2">
      <c r="A1345" s="94"/>
      <c r="B1345" s="95"/>
      <c r="C1345" s="12"/>
      <c r="D1345" s="77"/>
      <c r="E1345" s="77"/>
      <c r="F1345" s="77"/>
    </row>
    <row r="1346" spans="1:6" x14ac:dyDescent="0.2">
      <c r="A1346" s="94"/>
      <c r="B1346" s="95"/>
      <c r="C1346" s="12"/>
      <c r="D1346" s="77"/>
      <c r="E1346" s="77"/>
      <c r="F1346" s="77"/>
    </row>
    <row r="1347" spans="1:6" x14ac:dyDescent="0.2">
      <c r="A1347" s="94"/>
      <c r="B1347" s="95"/>
      <c r="C1347" s="12"/>
      <c r="D1347" s="77"/>
      <c r="E1347" s="77"/>
      <c r="F1347" s="77"/>
    </row>
    <row r="1348" spans="1:6" x14ac:dyDescent="0.2">
      <c r="A1348" s="94"/>
      <c r="B1348" s="95"/>
      <c r="C1348" s="12"/>
      <c r="D1348" s="77"/>
      <c r="E1348" s="77"/>
      <c r="F1348" s="77"/>
    </row>
    <row r="1349" spans="1:6" x14ac:dyDescent="0.2">
      <c r="A1349" s="94"/>
      <c r="B1349" s="95"/>
      <c r="C1349" s="12"/>
      <c r="D1349" s="77"/>
      <c r="E1349" s="77"/>
      <c r="F1349" s="77"/>
    </row>
    <row r="1350" spans="1:6" x14ac:dyDescent="0.2">
      <c r="A1350" s="94"/>
      <c r="B1350" s="95"/>
      <c r="C1350" s="12"/>
      <c r="D1350" s="77"/>
      <c r="E1350" s="77"/>
      <c r="F1350" s="77"/>
    </row>
    <row r="1351" spans="1:6" x14ac:dyDescent="0.2">
      <c r="A1351" s="94"/>
      <c r="B1351" s="95"/>
      <c r="C1351" s="12"/>
      <c r="D1351" s="77"/>
      <c r="E1351" s="77"/>
      <c r="F1351" s="77"/>
    </row>
    <row r="1352" spans="1:6" x14ac:dyDescent="0.2">
      <c r="A1352" s="94"/>
      <c r="B1352" s="95"/>
      <c r="C1352" s="12"/>
      <c r="D1352" s="77"/>
      <c r="E1352" s="77"/>
      <c r="F1352" s="77"/>
    </row>
    <row r="1353" spans="1:6" x14ac:dyDescent="0.2">
      <c r="A1353" s="94"/>
      <c r="B1353" s="95"/>
      <c r="C1353" s="12"/>
      <c r="D1353" s="77"/>
      <c r="E1353" s="77"/>
      <c r="F1353" s="77"/>
    </row>
    <row r="1354" spans="1:6" x14ac:dyDescent="0.2">
      <c r="A1354" s="94"/>
      <c r="B1354" s="95"/>
      <c r="C1354" s="12"/>
      <c r="D1354" s="77"/>
      <c r="E1354" s="77"/>
      <c r="F1354" s="77"/>
    </row>
    <row r="1355" spans="1:6" x14ac:dyDescent="0.2">
      <c r="A1355" s="94"/>
      <c r="B1355" s="95"/>
      <c r="C1355" s="12"/>
      <c r="D1355" s="77"/>
      <c r="E1355" s="77"/>
      <c r="F1355" s="77"/>
    </row>
    <row r="1356" spans="1:6" x14ac:dyDescent="0.2">
      <c r="A1356" s="94"/>
      <c r="B1356" s="95"/>
      <c r="C1356" s="12"/>
      <c r="D1356" s="77"/>
      <c r="E1356" s="77"/>
      <c r="F1356" s="77"/>
    </row>
    <row r="1357" spans="1:6" x14ac:dyDescent="0.2">
      <c r="A1357" s="94"/>
      <c r="B1357" s="95"/>
      <c r="C1357" s="12"/>
      <c r="D1357" s="77"/>
      <c r="E1357" s="77"/>
      <c r="F1357" s="77"/>
    </row>
    <row r="1358" spans="1:6" x14ac:dyDescent="0.2">
      <c r="A1358" s="94"/>
      <c r="B1358" s="95"/>
      <c r="C1358" s="12"/>
      <c r="D1358" s="77"/>
      <c r="E1358" s="77"/>
      <c r="F1358" s="77"/>
    </row>
    <row r="1359" spans="1:6" x14ac:dyDescent="0.2">
      <c r="A1359" s="94"/>
      <c r="B1359" s="95"/>
      <c r="C1359" s="12"/>
      <c r="D1359" s="77"/>
      <c r="E1359" s="77"/>
      <c r="F1359" s="77"/>
    </row>
    <row r="1360" spans="1:6" x14ac:dyDescent="0.2">
      <c r="A1360" s="94"/>
      <c r="B1360" s="95"/>
      <c r="C1360" s="12"/>
      <c r="D1360" s="77"/>
      <c r="E1360" s="77"/>
      <c r="F1360" s="77"/>
    </row>
    <row r="1361" spans="1:6" x14ac:dyDescent="0.2">
      <c r="A1361" s="94"/>
      <c r="B1361" s="95"/>
      <c r="C1361" s="12"/>
      <c r="D1361" s="77"/>
      <c r="E1361" s="77"/>
      <c r="F1361" s="77"/>
    </row>
    <row r="1362" spans="1:6" x14ac:dyDescent="0.2">
      <c r="A1362" s="94"/>
      <c r="B1362" s="95"/>
      <c r="C1362" s="12"/>
      <c r="D1362" s="77"/>
      <c r="E1362" s="77"/>
      <c r="F1362" s="77"/>
    </row>
    <row r="1363" spans="1:6" x14ac:dyDescent="0.2">
      <c r="A1363" s="94"/>
      <c r="B1363" s="95"/>
      <c r="C1363" s="12"/>
      <c r="D1363" s="77"/>
      <c r="E1363" s="77"/>
      <c r="F1363" s="77"/>
    </row>
    <row r="1364" spans="1:6" x14ac:dyDescent="0.2">
      <c r="A1364" s="94"/>
      <c r="B1364" s="95"/>
      <c r="C1364" s="12"/>
      <c r="D1364" s="77"/>
      <c r="E1364" s="77"/>
      <c r="F1364" s="77"/>
    </row>
    <row r="1365" spans="1:6" x14ac:dyDescent="0.2">
      <c r="A1365" s="94"/>
      <c r="B1365" s="95"/>
      <c r="C1365" s="12"/>
      <c r="D1365" s="77"/>
      <c r="E1365" s="77"/>
      <c r="F1365" s="77"/>
    </row>
    <row r="1366" spans="1:6" x14ac:dyDescent="0.2">
      <c r="A1366" s="94"/>
      <c r="B1366" s="95"/>
      <c r="C1366" s="12"/>
      <c r="D1366" s="77"/>
      <c r="E1366" s="77"/>
      <c r="F1366" s="77"/>
    </row>
    <row r="1367" spans="1:6" x14ac:dyDescent="0.2">
      <c r="A1367" s="94"/>
      <c r="B1367" s="95"/>
      <c r="C1367" s="12"/>
      <c r="D1367" s="77"/>
      <c r="E1367" s="77"/>
      <c r="F1367" s="77"/>
    </row>
    <row r="1368" spans="1:6" x14ac:dyDescent="0.2">
      <c r="A1368" s="94"/>
      <c r="B1368" s="95"/>
      <c r="C1368" s="12"/>
      <c r="D1368" s="77"/>
      <c r="E1368" s="77"/>
      <c r="F1368" s="77"/>
    </row>
    <row r="1369" spans="1:6" x14ac:dyDescent="0.2">
      <c r="A1369" s="94"/>
      <c r="B1369" s="95"/>
      <c r="C1369" s="12"/>
      <c r="D1369" s="77"/>
      <c r="E1369" s="77"/>
      <c r="F1369" s="77"/>
    </row>
    <row r="1370" spans="1:6" x14ac:dyDescent="0.2">
      <c r="A1370" s="94"/>
      <c r="B1370" s="95"/>
      <c r="C1370" s="12"/>
      <c r="D1370" s="77"/>
      <c r="E1370" s="77"/>
      <c r="F1370" s="77"/>
    </row>
    <row r="1371" spans="1:6" x14ac:dyDescent="0.2">
      <c r="A1371" s="94"/>
      <c r="B1371" s="95"/>
      <c r="C1371" s="12"/>
      <c r="D1371" s="77"/>
      <c r="E1371" s="77"/>
      <c r="F1371" s="77"/>
    </row>
    <row r="1372" spans="1:6" x14ac:dyDescent="0.2">
      <c r="A1372" s="94"/>
      <c r="B1372" s="95"/>
      <c r="C1372" s="12"/>
      <c r="D1372" s="77"/>
      <c r="E1372" s="77"/>
      <c r="F1372" s="77"/>
    </row>
    <row r="1373" spans="1:6" x14ac:dyDescent="0.2">
      <c r="A1373" s="94"/>
      <c r="B1373" s="95"/>
      <c r="C1373" s="12"/>
      <c r="D1373" s="77"/>
      <c r="E1373" s="77"/>
      <c r="F1373" s="77"/>
    </row>
    <row r="1374" spans="1:6" x14ac:dyDescent="0.2">
      <c r="A1374" s="94"/>
      <c r="B1374" s="95"/>
      <c r="C1374" s="12"/>
      <c r="D1374" s="77"/>
      <c r="E1374" s="77"/>
      <c r="F1374" s="77"/>
    </row>
    <row r="1375" spans="1:6" x14ac:dyDescent="0.2">
      <c r="A1375" s="94"/>
      <c r="B1375" s="95"/>
      <c r="C1375" s="12"/>
      <c r="D1375" s="77"/>
      <c r="E1375" s="77"/>
      <c r="F1375" s="77"/>
    </row>
    <row r="1376" spans="1:6" x14ac:dyDescent="0.2">
      <c r="A1376" s="94"/>
      <c r="B1376" s="95"/>
      <c r="C1376" s="12"/>
      <c r="D1376" s="77"/>
      <c r="E1376" s="77"/>
      <c r="F1376" s="77"/>
    </row>
    <row r="1377" spans="1:6" x14ac:dyDescent="0.2">
      <c r="A1377" s="94"/>
      <c r="B1377" s="95"/>
      <c r="C1377" s="12"/>
      <c r="D1377" s="77"/>
      <c r="E1377" s="77"/>
      <c r="F1377" s="77"/>
    </row>
    <row r="1378" spans="1:6" x14ac:dyDescent="0.2">
      <c r="A1378" s="94"/>
      <c r="B1378" s="95"/>
      <c r="C1378" s="12"/>
      <c r="D1378" s="77"/>
      <c r="E1378" s="77"/>
      <c r="F1378" s="77"/>
    </row>
    <row r="1379" spans="1:6" x14ac:dyDescent="0.2">
      <c r="A1379" s="94"/>
      <c r="B1379" s="95"/>
      <c r="C1379" s="12"/>
      <c r="D1379" s="77"/>
      <c r="E1379" s="77"/>
      <c r="F1379" s="77"/>
    </row>
    <row r="1380" spans="1:6" x14ac:dyDescent="0.2">
      <c r="A1380" s="94"/>
      <c r="B1380" s="95"/>
      <c r="C1380" s="12"/>
      <c r="D1380" s="77"/>
      <c r="E1380" s="77"/>
      <c r="F1380" s="77"/>
    </row>
    <row r="1381" spans="1:6" x14ac:dyDescent="0.2">
      <c r="A1381" s="94"/>
      <c r="B1381" s="95"/>
      <c r="C1381" s="12"/>
      <c r="D1381" s="77"/>
      <c r="E1381" s="77"/>
      <c r="F1381" s="77"/>
    </row>
    <row r="1382" spans="1:6" x14ac:dyDescent="0.2">
      <c r="A1382" s="94"/>
      <c r="B1382" s="95"/>
      <c r="C1382" s="12"/>
      <c r="D1382" s="77"/>
      <c r="E1382" s="77"/>
      <c r="F1382" s="77"/>
    </row>
    <row r="1383" spans="1:6" x14ac:dyDescent="0.2">
      <c r="A1383" s="94"/>
      <c r="B1383" s="95"/>
      <c r="C1383" s="12"/>
      <c r="D1383" s="77"/>
      <c r="E1383" s="77"/>
      <c r="F1383" s="77"/>
    </row>
    <row r="1384" spans="1:6" x14ac:dyDescent="0.2">
      <c r="A1384" s="94"/>
      <c r="B1384" s="95"/>
      <c r="C1384" s="12"/>
      <c r="D1384" s="77"/>
      <c r="E1384" s="77"/>
      <c r="F1384" s="77"/>
    </row>
    <row r="1385" spans="1:6" x14ac:dyDescent="0.2">
      <c r="A1385" s="94"/>
      <c r="B1385" s="95"/>
      <c r="C1385" s="12"/>
      <c r="D1385" s="77"/>
      <c r="E1385" s="77"/>
      <c r="F1385" s="77"/>
    </row>
    <row r="1386" spans="1:6" x14ac:dyDescent="0.2">
      <c r="A1386" s="94"/>
      <c r="B1386" s="95"/>
      <c r="C1386" s="12"/>
      <c r="D1386" s="77"/>
      <c r="E1386" s="77"/>
      <c r="F1386" s="77"/>
    </row>
    <row r="1387" spans="1:6" x14ac:dyDescent="0.2">
      <c r="A1387" s="94"/>
      <c r="B1387" s="95"/>
      <c r="C1387" s="12"/>
      <c r="D1387" s="77"/>
      <c r="E1387" s="77"/>
      <c r="F1387" s="77"/>
    </row>
    <row r="1388" spans="1:6" x14ac:dyDescent="0.2">
      <c r="A1388" s="94"/>
      <c r="B1388" s="95"/>
      <c r="C1388" s="12"/>
      <c r="D1388" s="77"/>
      <c r="E1388" s="77"/>
      <c r="F1388" s="77"/>
    </row>
    <row r="1389" spans="1:6" x14ac:dyDescent="0.2">
      <c r="A1389" s="94"/>
      <c r="B1389" s="95"/>
      <c r="C1389" s="12"/>
      <c r="D1389" s="77"/>
      <c r="E1389" s="77"/>
      <c r="F1389" s="77"/>
    </row>
    <row r="1390" spans="1:6" x14ac:dyDescent="0.2">
      <c r="A1390" s="94"/>
      <c r="B1390" s="95"/>
      <c r="C1390" s="12"/>
      <c r="D1390" s="77"/>
      <c r="E1390" s="77"/>
      <c r="F1390" s="77"/>
    </row>
    <row r="1391" spans="1:6" x14ac:dyDescent="0.2">
      <c r="A1391" s="94"/>
      <c r="B1391" s="95"/>
      <c r="C1391" s="12"/>
      <c r="D1391" s="77"/>
      <c r="E1391" s="77"/>
      <c r="F1391" s="77"/>
    </row>
    <row r="1392" spans="1:6" x14ac:dyDescent="0.2">
      <c r="A1392" s="94"/>
      <c r="B1392" s="95"/>
      <c r="C1392" s="12"/>
      <c r="D1392" s="77"/>
      <c r="E1392" s="77"/>
      <c r="F1392" s="77"/>
    </row>
    <row r="1393" spans="1:6" x14ac:dyDescent="0.2">
      <c r="A1393" s="94"/>
      <c r="B1393" s="95"/>
      <c r="C1393" s="12"/>
      <c r="D1393" s="77"/>
      <c r="E1393" s="77"/>
      <c r="F1393" s="77"/>
    </row>
    <row r="1394" spans="1:6" x14ac:dyDescent="0.2">
      <c r="A1394" s="94"/>
      <c r="B1394" s="95"/>
      <c r="C1394" s="12"/>
      <c r="D1394" s="77"/>
      <c r="E1394" s="77"/>
      <c r="F1394" s="77"/>
    </row>
    <row r="1395" spans="1:6" x14ac:dyDescent="0.2">
      <c r="A1395" s="94"/>
      <c r="B1395" s="95"/>
      <c r="C1395" s="12"/>
      <c r="D1395" s="77"/>
      <c r="E1395" s="77"/>
      <c r="F1395" s="77"/>
    </row>
    <row r="1396" spans="1:6" x14ac:dyDescent="0.2">
      <c r="A1396" s="94"/>
      <c r="B1396" s="95"/>
      <c r="C1396" s="12"/>
      <c r="D1396" s="77"/>
      <c r="E1396" s="77"/>
      <c r="F1396" s="77"/>
    </row>
    <row r="1397" spans="1:6" x14ac:dyDescent="0.2">
      <c r="A1397" s="94"/>
      <c r="B1397" s="95"/>
      <c r="C1397" s="12"/>
      <c r="D1397" s="77"/>
      <c r="E1397" s="77"/>
      <c r="F1397" s="77"/>
    </row>
    <row r="1398" spans="1:6" x14ac:dyDescent="0.2">
      <c r="A1398" s="94"/>
      <c r="B1398" s="95"/>
      <c r="C1398" s="12"/>
      <c r="D1398" s="77"/>
      <c r="E1398" s="77"/>
      <c r="F1398" s="77"/>
    </row>
    <row r="1399" spans="1:6" x14ac:dyDescent="0.2">
      <c r="A1399" s="94"/>
      <c r="B1399" s="95"/>
      <c r="C1399" s="12"/>
      <c r="D1399" s="77"/>
      <c r="E1399" s="77"/>
      <c r="F1399" s="77"/>
    </row>
    <row r="1400" spans="1:6" x14ac:dyDescent="0.2">
      <c r="A1400" s="94"/>
      <c r="B1400" s="95"/>
      <c r="C1400" s="12"/>
      <c r="D1400" s="77"/>
      <c r="E1400" s="77"/>
      <c r="F1400" s="77"/>
    </row>
    <row r="1401" spans="1:6" x14ac:dyDescent="0.2">
      <c r="A1401" s="94"/>
      <c r="B1401" s="95"/>
      <c r="C1401" s="12"/>
      <c r="D1401" s="77"/>
      <c r="E1401" s="77"/>
      <c r="F1401" s="77"/>
    </row>
    <row r="1402" spans="1:6" x14ac:dyDescent="0.2">
      <c r="A1402" s="94"/>
      <c r="B1402" s="95"/>
      <c r="C1402" s="12"/>
      <c r="D1402" s="77"/>
      <c r="E1402" s="77"/>
      <c r="F1402" s="77"/>
    </row>
    <row r="1403" spans="1:6" x14ac:dyDescent="0.2">
      <c r="A1403" s="94"/>
      <c r="B1403" s="95"/>
      <c r="C1403" s="12"/>
      <c r="D1403" s="77"/>
      <c r="E1403" s="77"/>
      <c r="F1403" s="77"/>
    </row>
    <row r="1404" spans="1:6" x14ac:dyDescent="0.2">
      <c r="A1404" s="94"/>
      <c r="B1404" s="95"/>
      <c r="C1404" s="12"/>
      <c r="D1404" s="77"/>
      <c r="E1404" s="77"/>
      <c r="F1404" s="77"/>
    </row>
    <row r="1405" spans="1:6" x14ac:dyDescent="0.2">
      <c r="A1405" s="94"/>
      <c r="B1405" s="95"/>
      <c r="C1405" s="12"/>
      <c r="D1405" s="77"/>
      <c r="E1405" s="77"/>
      <c r="F1405" s="77"/>
    </row>
    <row r="1406" spans="1:6" x14ac:dyDescent="0.2">
      <c r="A1406" s="94"/>
      <c r="B1406" s="95"/>
      <c r="C1406" s="12"/>
      <c r="D1406" s="77"/>
      <c r="E1406" s="77"/>
      <c r="F1406" s="77"/>
    </row>
    <row r="1407" spans="1:6" x14ac:dyDescent="0.2">
      <c r="A1407" s="94"/>
      <c r="B1407" s="95"/>
      <c r="C1407" s="12"/>
      <c r="D1407" s="77"/>
      <c r="E1407" s="77"/>
      <c r="F1407" s="77"/>
    </row>
    <row r="1408" spans="1:6" x14ac:dyDescent="0.2">
      <c r="A1408" s="94"/>
      <c r="B1408" s="95"/>
      <c r="C1408" s="12"/>
      <c r="D1408" s="77"/>
      <c r="E1408" s="77"/>
      <c r="F1408" s="77"/>
    </row>
    <row r="1409" spans="1:6" x14ac:dyDescent="0.2">
      <c r="A1409" s="94"/>
      <c r="B1409" s="95"/>
      <c r="C1409" s="12"/>
      <c r="D1409" s="77"/>
      <c r="E1409" s="77"/>
      <c r="F1409" s="77"/>
    </row>
    <row r="1410" spans="1:6" x14ac:dyDescent="0.2">
      <c r="A1410" s="94"/>
      <c r="B1410" s="95"/>
      <c r="C1410" s="12"/>
      <c r="D1410" s="77"/>
      <c r="E1410" s="77"/>
      <c r="F1410" s="77"/>
    </row>
    <row r="1411" spans="1:6" x14ac:dyDescent="0.2">
      <c r="A1411" s="94"/>
      <c r="B1411" s="95"/>
      <c r="C1411" s="12"/>
      <c r="D1411" s="77"/>
      <c r="E1411" s="77"/>
      <c r="F1411" s="77"/>
    </row>
    <row r="1412" spans="1:6" x14ac:dyDescent="0.2">
      <c r="A1412" s="94"/>
      <c r="B1412" s="95"/>
      <c r="C1412" s="12"/>
      <c r="D1412" s="77"/>
      <c r="E1412" s="77"/>
      <c r="F1412" s="77"/>
    </row>
    <row r="1413" spans="1:6" x14ac:dyDescent="0.2">
      <c r="A1413" s="94"/>
      <c r="B1413" s="95"/>
      <c r="C1413" s="12"/>
      <c r="D1413" s="77"/>
      <c r="E1413" s="77"/>
      <c r="F1413" s="77"/>
    </row>
    <row r="1414" spans="1:6" x14ac:dyDescent="0.2">
      <c r="A1414" s="94"/>
      <c r="B1414" s="95"/>
      <c r="C1414" s="12"/>
      <c r="D1414" s="77"/>
      <c r="E1414" s="77"/>
      <c r="F1414" s="77"/>
    </row>
    <row r="1415" spans="1:6" x14ac:dyDescent="0.2">
      <c r="A1415" s="94"/>
      <c r="B1415" s="95"/>
      <c r="C1415" s="12"/>
      <c r="D1415" s="77"/>
      <c r="E1415" s="77"/>
      <c r="F1415" s="77"/>
    </row>
    <row r="1416" spans="1:6" x14ac:dyDescent="0.2">
      <c r="A1416" s="94"/>
      <c r="B1416" s="95"/>
      <c r="C1416" s="12"/>
      <c r="D1416" s="77"/>
      <c r="E1416" s="77"/>
      <c r="F1416" s="77"/>
    </row>
    <row r="1417" spans="1:6" x14ac:dyDescent="0.2">
      <c r="A1417" s="94"/>
      <c r="B1417" s="95"/>
      <c r="C1417" s="12"/>
      <c r="D1417" s="77"/>
      <c r="E1417" s="77"/>
      <c r="F1417" s="77"/>
    </row>
    <row r="1418" spans="1:6" x14ac:dyDescent="0.2">
      <c r="A1418" s="94"/>
      <c r="B1418" s="95"/>
      <c r="C1418" s="12"/>
      <c r="D1418" s="77"/>
      <c r="E1418" s="77"/>
      <c r="F1418" s="77"/>
    </row>
    <row r="1419" spans="1:6" x14ac:dyDescent="0.2">
      <c r="A1419" s="94"/>
      <c r="B1419" s="95"/>
      <c r="C1419" s="12"/>
      <c r="D1419" s="77"/>
      <c r="E1419" s="77"/>
      <c r="F1419" s="77"/>
    </row>
    <row r="1420" spans="1:6" x14ac:dyDescent="0.2">
      <c r="A1420" s="94"/>
      <c r="B1420" s="95"/>
      <c r="C1420" s="12"/>
      <c r="D1420" s="77"/>
      <c r="E1420" s="77"/>
      <c r="F1420" s="77"/>
    </row>
    <row r="1421" spans="1:6" x14ac:dyDescent="0.2">
      <c r="A1421" s="94"/>
      <c r="B1421" s="95"/>
      <c r="C1421" s="12"/>
      <c r="D1421" s="77"/>
      <c r="E1421" s="77"/>
      <c r="F1421" s="77"/>
    </row>
    <row r="1422" spans="1:6" x14ac:dyDescent="0.2">
      <c r="A1422" s="94"/>
      <c r="B1422" s="95"/>
      <c r="C1422" s="12"/>
      <c r="D1422" s="77"/>
      <c r="E1422" s="77"/>
      <c r="F1422" s="77"/>
    </row>
    <row r="1423" spans="1:6" x14ac:dyDescent="0.2">
      <c r="A1423" s="94"/>
      <c r="B1423" s="95"/>
      <c r="C1423" s="12"/>
      <c r="D1423" s="77"/>
      <c r="E1423" s="77"/>
      <c r="F1423" s="77"/>
    </row>
    <row r="1424" spans="1:6" x14ac:dyDescent="0.2">
      <c r="A1424" s="94"/>
      <c r="B1424" s="95"/>
      <c r="C1424" s="12"/>
      <c r="D1424" s="77"/>
      <c r="E1424" s="77"/>
      <c r="F1424" s="77"/>
    </row>
    <row r="1425" spans="1:6" x14ac:dyDescent="0.2">
      <c r="A1425" s="94"/>
      <c r="B1425" s="95"/>
      <c r="C1425" s="12"/>
      <c r="D1425" s="77"/>
      <c r="E1425" s="77"/>
      <c r="F1425" s="77"/>
    </row>
    <row r="1426" spans="1:6" x14ac:dyDescent="0.2">
      <c r="A1426" s="94"/>
      <c r="B1426" s="95"/>
      <c r="C1426" s="12"/>
      <c r="D1426" s="77"/>
      <c r="E1426" s="77"/>
      <c r="F1426" s="77"/>
    </row>
    <row r="1427" spans="1:6" x14ac:dyDescent="0.2">
      <c r="A1427" s="94"/>
      <c r="B1427" s="95"/>
      <c r="C1427" s="12"/>
      <c r="D1427" s="77"/>
      <c r="E1427" s="77"/>
      <c r="F1427" s="77"/>
    </row>
    <row r="1428" spans="1:6" x14ac:dyDescent="0.2">
      <c r="A1428" s="94"/>
      <c r="B1428" s="95"/>
      <c r="C1428" s="12"/>
      <c r="D1428" s="77"/>
      <c r="E1428" s="77"/>
      <c r="F1428" s="77"/>
    </row>
    <row r="1429" spans="1:6" x14ac:dyDescent="0.2">
      <c r="A1429" s="94"/>
      <c r="B1429" s="95"/>
      <c r="C1429" s="12"/>
      <c r="D1429" s="77"/>
      <c r="E1429" s="77"/>
      <c r="F1429" s="77"/>
    </row>
    <row r="1430" spans="1:6" x14ac:dyDescent="0.2">
      <c r="A1430" s="94"/>
      <c r="B1430" s="95"/>
      <c r="C1430" s="12"/>
      <c r="D1430" s="77"/>
      <c r="E1430" s="77"/>
      <c r="F1430" s="77"/>
    </row>
    <row r="1431" spans="1:6" x14ac:dyDescent="0.2">
      <c r="A1431" s="94"/>
      <c r="B1431" s="95"/>
      <c r="C1431" s="12"/>
      <c r="D1431" s="77"/>
      <c r="E1431" s="77"/>
      <c r="F1431" s="77"/>
    </row>
    <row r="1432" spans="1:6" x14ac:dyDescent="0.2">
      <c r="A1432" s="94"/>
      <c r="B1432" s="95"/>
      <c r="C1432" s="12"/>
      <c r="D1432" s="77"/>
      <c r="E1432" s="77"/>
      <c r="F1432" s="77"/>
    </row>
    <row r="1433" spans="1:6" x14ac:dyDescent="0.2">
      <c r="A1433" s="94"/>
      <c r="B1433" s="95"/>
      <c r="C1433" s="12"/>
      <c r="D1433" s="77"/>
      <c r="E1433" s="77"/>
      <c r="F1433" s="77"/>
    </row>
    <row r="1434" spans="1:6" x14ac:dyDescent="0.2">
      <c r="A1434" s="94"/>
      <c r="B1434" s="95"/>
      <c r="C1434" s="12"/>
      <c r="D1434" s="77"/>
      <c r="E1434" s="77"/>
      <c r="F1434" s="77"/>
    </row>
    <row r="1435" spans="1:6" x14ac:dyDescent="0.2">
      <c r="A1435" s="94"/>
      <c r="B1435" s="95"/>
      <c r="C1435" s="12"/>
      <c r="D1435" s="77"/>
      <c r="E1435" s="77"/>
      <c r="F1435" s="77"/>
    </row>
    <row r="1436" spans="1:6" x14ac:dyDescent="0.2">
      <c r="A1436" s="94"/>
      <c r="B1436" s="95"/>
      <c r="C1436" s="12"/>
      <c r="D1436" s="77"/>
      <c r="E1436" s="77"/>
      <c r="F1436" s="77"/>
    </row>
    <row r="1437" spans="1:6" x14ac:dyDescent="0.2">
      <c r="A1437" s="94"/>
      <c r="B1437" s="95"/>
      <c r="C1437" s="12"/>
      <c r="D1437" s="77"/>
      <c r="E1437" s="77"/>
      <c r="F1437" s="77"/>
    </row>
    <row r="1438" spans="1:6" x14ac:dyDescent="0.2">
      <c r="A1438" s="94"/>
      <c r="B1438" s="95"/>
      <c r="C1438" s="12"/>
      <c r="D1438" s="77"/>
      <c r="E1438" s="77"/>
      <c r="F1438" s="77"/>
    </row>
    <row r="1439" spans="1:6" x14ac:dyDescent="0.2">
      <c r="A1439" s="94"/>
      <c r="B1439" s="95"/>
      <c r="C1439" s="12"/>
      <c r="D1439" s="77"/>
      <c r="E1439" s="77"/>
      <c r="F1439" s="77"/>
    </row>
    <row r="1440" spans="1:6" x14ac:dyDescent="0.2">
      <c r="A1440" s="94"/>
      <c r="B1440" s="95"/>
      <c r="C1440" s="12"/>
      <c r="D1440" s="77"/>
      <c r="E1440" s="77"/>
      <c r="F1440" s="77"/>
    </row>
    <row r="1441" spans="1:6" x14ac:dyDescent="0.2">
      <c r="A1441" s="94"/>
      <c r="B1441" s="95"/>
      <c r="C1441" s="12"/>
      <c r="D1441" s="77"/>
      <c r="E1441" s="77"/>
      <c r="F1441" s="77"/>
    </row>
    <row r="1442" spans="1:6" x14ac:dyDescent="0.2">
      <c r="A1442" s="94"/>
      <c r="B1442" s="95"/>
      <c r="C1442" s="12"/>
      <c r="D1442" s="77"/>
      <c r="E1442" s="77"/>
      <c r="F1442" s="77"/>
    </row>
    <row r="1443" spans="1:6" x14ac:dyDescent="0.2">
      <c r="A1443" s="94"/>
      <c r="B1443" s="95"/>
      <c r="C1443" s="12"/>
      <c r="D1443" s="77"/>
      <c r="E1443" s="77"/>
      <c r="F1443" s="77"/>
    </row>
    <row r="1444" spans="1:6" x14ac:dyDescent="0.2">
      <c r="A1444" s="94"/>
      <c r="B1444" s="95"/>
      <c r="C1444" s="12"/>
      <c r="D1444" s="77"/>
      <c r="E1444" s="77"/>
      <c r="F1444" s="77"/>
    </row>
    <row r="1445" spans="1:6" x14ac:dyDescent="0.2">
      <c r="A1445" s="94"/>
      <c r="B1445" s="95"/>
      <c r="C1445" s="12"/>
      <c r="D1445" s="77"/>
      <c r="E1445" s="77"/>
      <c r="F1445" s="77"/>
    </row>
    <row r="1446" spans="1:6" x14ac:dyDescent="0.2">
      <c r="A1446" s="94"/>
      <c r="B1446" s="95"/>
      <c r="C1446" s="12"/>
      <c r="D1446" s="77"/>
      <c r="E1446" s="77"/>
      <c r="F1446" s="77"/>
    </row>
    <row r="1447" spans="1:6" x14ac:dyDescent="0.2">
      <c r="A1447" s="94"/>
      <c r="B1447" s="95"/>
      <c r="C1447" s="12"/>
      <c r="D1447" s="77"/>
      <c r="E1447" s="77"/>
      <c r="F1447" s="77"/>
    </row>
    <row r="1448" spans="1:6" x14ac:dyDescent="0.2">
      <c r="A1448" s="94"/>
      <c r="B1448" s="95"/>
      <c r="C1448" s="12"/>
      <c r="D1448" s="77"/>
      <c r="E1448" s="77"/>
      <c r="F1448" s="77"/>
    </row>
    <row r="1449" spans="1:6" x14ac:dyDescent="0.2">
      <c r="A1449" s="94"/>
      <c r="B1449" s="95"/>
      <c r="C1449" s="12"/>
      <c r="D1449" s="77"/>
      <c r="E1449" s="77"/>
      <c r="F1449" s="77"/>
    </row>
    <row r="1450" spans="1:6" x14ac:dyDescent="0.2">
      <c r="A1450" s="94"/>
      <c r="B1450" s="95"/>
      <c r="C1450" s="12"/>
      <c r="D1450" s="77"/>
      <c r="E1450" s="77"/>
      <c r="F1450" s="77"/>
    </row>
    <row r="1451" spans="1:6" x14ac:dyDescent="0.2">
      <c r="A1451" s="94"/>
      <c r="B1451" s="95"/>
      <c r="C1451" s="12"/>
      <c r="D1451" s="77"/>
      <c r="E1451" s="77"/>
      <c r="F1451" s="77"/>
    </row>
    <row r="1452" spans="1:6" x14ac:dyDescent="0.2">
      <c r="A1452" s="94"/>
      <c r="B1452" s="95"/>
      <c r="C1452" s="12"/>
      <c r="D1452" s="77"/>
      <c r="E1452" s="77"/>
      <c r="F1452" s="77"/>
    </row>
    <row r="1453" spans="1:6" x14ac:dyDescent="0.2">
      <c r="A1453" s="94"/>
      <c r="B1453" s="95"/>
      <c r="C1453" s="12"/>
      <c r="D1453" s="77"/>
      <c r="E1453" s="77"/>
      <c r="F1453" s="77"/>
    </row>
    <row r="1454" spans="1:6" x14ac:dyDescent="0.2">
      <c r="A1454" s="94"/>
      <c r="B1454" s="95"/>
      <c r="C1454" s="12"/>
      <c r="D1454" s="77"/>
      <c r="E1454" s="77"/>
      <c r="F1454" s="77"/>
    </row>
    <row r="1455" spans="1:6" x14ac:dyDescent="0.2">
      <c r="A1455" s="94"/>
      <c r="B1455" s="95"/>
      <c r="C1455" s="12"/>
      <c r="D1455" s="77"/>
      <c r="E1455" s="77"/>
      <c r="F1455" s="77"/>
    </row>
    <row r="1456" spans="1:6" x14ac:dyDescent="0.2">
      <c r="A1456" s="94"/>
      <c r="B1456" s="95"/>
      <c r="C1456" s="12"/>
      <c r="D1456" s="77"/>
      <c r="E1456" s="77"/>
      <c r="F1456" s="77"/>
    </row>
    <row r="1457" spans="1:6" x14ac:dyDescent="0.2">
      <c r="A1457" s="94"/>
      <c r="B1457" s="95"/>
      <c r="C1457" s="12"/>
      <c r="D1457" s="77"/>
      <c r="E1457" s="77"/>
      <c r="F1457" s="77"/>
    </row>
    <row r="1458" spans="1:6" x14ac:dyDescent="0.2">
      <c r="A1458" s="94"/>
      <c r="B1458" s="95"/>
      <c r="C1458" s="12"/>
      <c r="D1458" s="77"/>
      <c r="E1458" s="77"/>
      <c r="F1458" s="77"/>
    </row>
    <row r="1459" spans="1:6" x14ac:dyDescent="0.2">
      <c r="A1459" s="94"/>
      <c r="B1459" s="95"/>
      <c r="C1459" s="12"/>
      <c r="D1459" s="77"/>
      <c r="E1459" s="77"/>
      <c r="F1459" s="77"/>
    </row>
    <row r="1460" spans="1:6" x14ac:dyDescent="0.2">
      <c r="A1460" s="94"/>
      <c r="B1460" s="95"/>
      <c r="C1460" s="12"/>
      <c r="D1460" s="77"/>
      <c r="E1460" s="77"/>
      <c r="F1460" s="77"/>
    </row>
    <row r="1461" spans="1:6" x14ac:dyDescent="0.2">
      <c r="A1461" s="94"/>
      <c r="B1461" s="95"/>
      <c r="C1461" s="12"/>
      <c r="D1461" s="77"/>
      <c r="E1461" s="77"/>
      <c r="F1461" s="77"/>
    </row>
    <row r="1462" spans="1:6" x14ac:dyDescent="0.2">
      <c r="A1462" s="94"/>
      <c r="B1462" s="95"/>
      <c r="C1462" s="12"/>
      <c r="D1462" s="77"/>
      <c r="E1462" s="77"/>
      <c r="F1462" s="77"/>
    </row>
    <row r="1463" spans="1:6" x14ac:dyDescent="0.2">
      <c r="A1463" s="94"/>
      <c r="B1463" s="95"/>
      <c r="C1463" s="12"/>
      <c r="D1463" s="77"/>
      <c r="E1463" s="77"/>
      <c r="F1463" s="77"/>
    </row>
    <row r="1464" spans="1:6" x14ac:dyDescent="0.2">
      <c r="A1464" s="94"/>
      <c r="B1464" s="95"/>
      <c r="C1464" s="12"/>
      <c r="D1464" s="77"/>
      <c r="E1464" s="77"/>
      <c r="F1464" s="77"/>
    </row>
    <row r="1465" spans="1:6" x14ac:dyDescent="0.2">
      <c r="A1465" s="94"/>
      <c r="B1465" s="95"/>
      <c r="C1465" s="12"/>
      <c r="D1465" s="77"/>
      <c r="E1465" s="77"/>
      <c r="F1465" s="77"/>
    </row>
    <row r="1466" spans="1:6" x14ac:dyDescent="0.2">
      <c r="A1466" s="94"/>
      <c r="B1466" s="95"/>
      <c r="C1466" s="12"/>
      <c r="D1466" s="77"/>
      <c r="E1466" s="77"/>
      <c r="F1466" s="77"/>
    </row>
    <row r="1467" spans="1:6" x14ac:dyDescent="0.2">
      <c r="A1467" s="94"/>
      <c r="B1467" s="95"/>
      <c r="C1467" s="12"/>
      <c r="D1467" s="77"/>
      <c r="E1467" s="77"/>
      <c r="F1467" s="77"/>
    </row>
    <row r="1468" spans="1:6" x14ac:dyDescent="0.2">
      <c r="A1468" s="94"/>
      <c r="B1468" s="95"/>
      <c r="C1468" s="12"/>
      <c r="D1468" s="77"/>
      <c r="E1468" s="77"/>
      <c r="F1468" s="77"/>
    </row>
  </sheetData>
  <autoFilter ref="A2:J143" xr:uid="{00000000-0009-0000-0000-000000000000}"/>
  <mergeCells count="8">
    <mergeCell ref="A87:J87"/>
    <mergeCell ref="A129:J129"/>
    <mergeCell ref="A134:J134"/>
    <mergeCell ref="A1:J1"/>
    <mergeCell ref="A3:J3"/>
    <mergeCell ref="A28:J28"/>
    <mergeCell ref="A39:J39"/>
    <mergeCell ref="A68:J68"/>
  </mergeCells>
  <phoneticPr fontId="4"/>
  <pageMargins left="0.6692913385826772" right="0.6692913385826772" top="0.74803149606299213" bottom="0.74803149606299213" header="0.31496062992125984" footer="0.31496062992125984"/>
  <pageSetup paperSize="8" scale="98" fitToHeight="0" orientation="portrait" r:id="rId1"/>
  <rowBreaks count="5" manualBreakCount="5">
    <brk id="25" max="9" man="1"/>
    <brk id="49" max="9" man="1"/>
    <brk id="72" max="9" man="1"/>
    <brk id="97" max="9" man="1"/>
    <brk id="121" max="9" man="1"/>
  </rowBreaks>
  <extLst>
    <ext xmlns:x14="http://schemas.microsoft.com/office/spreadsheetml/2009/9/main" uri="{CCE6A557-97BC-4b89-ADB6-D9C93CAAB3DF}">
      <x14:dataValidations xmlns:xm="http://schemas.microsoft.com/office/excel/2006/main" count="50">
        <x14:dataValidation type="list" allowBlank="1" showInputMessage="1" showErrorMessage="1" xr:uid="{00000000-0002-0000-0000-000000000000}">
          <x14:formula1>
            <xm:f>'\\10.224.247.10\職員課\人事係\人事係\3100_インターンシップ\都庁インターンシップ\R05年度\04 各部から\05保政\[【050418回答】都庁インターンシップ2023実習部署調査票（保健指導調整担当） .xlsx]コード'!#REF!</xm:f>
          </x14:formula1>
          <xm:sqref>D4</xm:sqref>
        </x14:dataValidation>
        <x14:dataValidation type="list" allowBlank="1" showInputMessage="1" showErrorMessage="1" xr:uid="{00000000-0002-0000-0000-000001000000}">
          <x14:formula1>
            <xm:f>'\\10.226.120.3\計画課\人事関係\01　人事担当関係\10　採用\05　ⅠB・ⅠA・キャリア活用（人事委員会採用）\11　実習生（インターンシップ）受入関係\都庁インターンシップ\R5年度\03　（受入調査）各所回答\[誠明03_都庁インターンシップ2023実習部署調査票_.xlsx]コード'!#REF!</xm:f>
          </x14:formula1>
          <xm:sqref>D11</xm:sqref>
        </x14:dataValidation>
        <x14:dataValidation type="list" allowBlank="1" showInputMessage="1" showErrorMessage="1" xr:uid="{00000000-0002-0000-0000-000002000000}">
          <x14:formula1>
            <xm:f>[【杉並】03_都庁インターンシップ2023実習部署調査票_.xlsx]コード!#REF!</xm:f>
          </x14:formula1>
          <xm:sqref>D10</xm:sqref>
        </x14:dataValidation>
        <x14:dataValidation type="list" allowBlank="1" showInputMessage="1" showErrorMessage="1" xr:uid="{00000000-0002-0000-0000-000003000000}">
          <x14:formula1>
            <xm:f>'Z:\03-1 リクルート業務に関すること\03  リクルート活動（Ｒ５）\14    インターンシップ\2    都庁インターンシップ2023\３ 各所回答\[立川心理）都庁インターンシップ2023実習部署調査票.xlsx]コード'!#REF!</xm:f>
          </x14:formula1>
          <xm:sqref>D9</xm:sqref>
        </x14:dataValidation>
        <x14:dataValidation type="list" allowBlank="1" showInputMessage="1" showErrorMessage="1" xr:uid="{00000000-0002-0000-0000-000004000000}">
          <x14:formula1>
            <xm:f>'Z:\03-1 リクルート業務に関すること\03  リクルート活動（Ｒ５）\14    インターンシップ\2    都庁インターンシップ2023\３ 各所回答\[八王子_都庁インターンシップ2023実習部署調査票 .xlsx]コード'!#REF!</xm:f>
          </x14:formula1>
          <xm:sqref>D7</xm:sqref>
        </x14:dataValidation>
        <x14:dataValidation type="list" allowBlank="1" showInputMessage="1" showErrorMessage="1" xr:uid="{00000000-0002-0000-0000-000005000000}">
          <x14:formula1>
            <xm:f>'Z:\03-1 リクルート業務に関すること\03  リクルート活動（Ｒ５）\14    インターンシップ\2    都庁インターンシップ2023\３ 各所回答\[（立川南）03_都庁インターンシップ2023実習部署調査票_.xlsx]コード'!#REF!</xm:f>
          </x14:formula1>
          <xm:sqref>D6</xm:sqref>
        </x14:dataValidation>
        <x14:dataValidation type="list" allowBlank="1" showInputMessage="1" showErrorMessage="1" xr:uid="{00000000-0002-0000-0000-000006000000}">
          <x14:formula1>
            <xm:f>'[【薬務課】03_都庁インターンシップ2023実習部署調査票 .xlsx]コード'!#REF!</xm:f>
          </x14:formula1>
          <xm:sqref>D25</xm:sqref>
        </x14:dataValidation>
        <x14:dataValidation type="list" allowBlank="1" showInputMessage="1" showErrorMessage="1" xr:uid="{00000000-0002-0000-0000-000007000000}">
          <x14:formula1>
            <xm:f>[少子_都庁インターンシップ2023実習部署調査票_.xlsx]コード!#REF!</xm:f>
          </x14:formula1>
          <xm:sqref>D5</xm:sqref>
        </x14:dataValidation>
        <x14:dataValidation type="list" allowBlank="1" showInputMessage="1" showErrorMessage="1" xr:uid="{00000000-0002-0000-0000-000008000000}">
          <x14:formula1>
            <xm:f>'\\10.224.247.10\職員課\人事係\人事係\3100_インターンシップ\都庁インターンシップ\R05年度\04 各部から\09障害\[【障害部】03_都庁インターンシップ2023実習部署調査票.xlsx]コード'!#REF!</xm:f>
          </x14:formula1>
          <xm:sqref>D13:D22</xm:sqref>
        </x14:dataValidation>
        <x14:dataValidation type="list" allowBlank="1" showInputMessage="1" showErrorMessage="1" xr:uid="{00000000-0002-0000-0000-000009000000}">
          <x14:formula1>
            <xm:f>'\\10.224.251.10\b-40 採用班\■採用事務\インターンシップ制度\★R05実施★\02_実習部署調査\08_各局から校正OK\14_中央卸売市場○\02 再提出\[【再提出】（校正確認用）（中央卸売市場）都庁インターンシップ2023実習部署調査票 .xlsx]コード'!#REF!</xm:f>
          </x14:formula1>
          <xm:sqref>D37:D38</xm:sqref>
        </x14:dataValidation>
        <x14:dataValidation type="list" allowBlank="1" showInputMessage="1" showErrorMessage="1" xr:uid="{00000000-0002-0000-0000-00000A000000}">
          <x14:formula1>
            <xm:f>'\\doc211.bsv.sanro.tocho.local\12501総務部職員課人事担当\05_採用・選考\インターンシップ各種\都庁インターンシップ\令和５年度\01 R5.4.6 令和５年度都庁インターンシップ受入職場の設定等について\04 各部より\[02_【02 金融部】都庁インターンシップ2023実習部署調査票 .xlsx]コード'!#REF!</xm:f>
          </x14:formula1>
          <xm:sqref>D29:D31</xm:sqref>
        </x14:dataValidation>
        <x14:dataValidation type="list" allowBlank="1" showInputMessage="1" showErrorMessage="1" xr:uid="{00000000-0002-0000-0000-00000B000000}">
          <x14:formula1>
            <xm:f>'\\doc211.bsv.sanro.tocho.local\12501総務部職員課人事担当\05_採用・選考\インターンシップ各種\都庁インターンシップ\令和５年度\01 R5.4.6 令和５年度都庁インターンシップ受入職場の設定等について\04 各部より\[【エネ部】都庁インターンシップ2023実習部署調査票.xlsx]コード'!#REF!</xm:f>
          </x14:formula1>
          <xm:sqref>D32</xm:sqref>
        </x14:dataValidation>
        <x14:dataValidation type="list" allowBlank="1" showInputMessage="1" showErrorMessage="1" xr:uid="{00000000-0002-0000-0000-00000C000000}">
          <x14:formula1>
            <xm:f>'\\doc211.bsv.sanro.tocho.local\12501総務部職員課人事担当\05_採用・選考\インターンシップ各種\都庁インターンシップ\令和５年度\01 R5.4.6 令和５年度都庁インターンシップ受入職場の設定等について\04 各部より\[02_【06 雇用就業部】都庁インターンシップ2023実習部署調査票.xlsx]コード'!#REF!</xm:f>
          </x14:formula1>
          <xm:sqref>D33</xm:sqref>
        </x14:dataValidation>
        <x14:dataValidation type="list" allowBlank="1" showInputMessage="1" showErrorMessage="1" xr:uid="{00000000-0002-0000-0000-00000D000000}">
          <x14:formula1>
            <xm:f>'C:\Users\T0532474\AppData\Local\Microsoft\Windows\INetCache\Content.Outlook\A0XL7G6W\[02_【05 農林水産部】都庁インターンシップ2023実習部署調査票(水産課・島しょセ).xlsx]コード'!#REF!</xm:f>
          </x14:formula1>
          <xm:sqref>D36</xm:sqref>
        </x14:dataValidation>
        <x14:dataValidation type="list" allowBlank="1" showInputMessage="1" showErrorMessage="1" xr:uid="{00000000-0002-0000-0000-00000E000000}">
          <x14:formula1>
            <xm:f>'[02_【05 農林水産部】都庁インターンシップ2023実習部署調査票.xlsx]コード'!#REF!</xm:f>
          </x14:formula1>
          <xm:sqref>D34:D35</xm:sqref>
        </x14:dataValidation>
        <x14:dataValidation type="list" allowBlank="1" showInputMessage="1" showErrorMessage="1" xr:uid="{00000000-0002-0000-0000-00000F000000}">
          <x14:formula1>
            <xm:f>'\\10.224.202.21\人事係\Ｒ５年度\10_採用\02都庁インターンシップ\04各部より\[（2名）5501.xlsx]コード'!#REF!</xm:f>
          </x14:formula1>
          <xm:sqref>B40 D40</xm:sqref>
        </x14:dataValidation>
        <x14:dataValidation type="list" allowBlank="1" showInputMessage="1" showErrorMessage="1" xr:uid="{00000000-0002-0000-0000-000010000000}">
          <x14:formula1>
            <xm:f>'\\gesui.local\fs\20施設管理部\2011管理課\01庶務係\令和5年度\05_人事担当（機密A）\17_インターンシップ\01_受入可能職場の調査\03_各課回答\[（管路管理課）03-1_【第１ターム】都庁インターンシップ2023実習部署調査票.xlsx]コード'!#REF!</xm:f>
          </x14:formula1>
          <xm:sqref>B60:B63 D60:D63</xm:sqref>
        </x14:dataValidation>
        <x14:dataValidation type="list" allowBlank="1" showInputMessage="1" showErrorMessage="1" xr:uid="{00000000-0002-0000-0000-000011000000}">
          <x14:formula1>
            <xm:f>'[（総務部修正）【第１ターム】※事務３部※都庁インターンシップ2023実習部署調査票.xlsx]コード'!#REF!</xm:f>
          </x14:formula1>
          <xm:sqref>B55 D55</xm:sqref>
        </x14:dataValidation>
        <x14:dataValidation type="list" allowBlank="1" showInputMessage="1" showErrorMessage="1" xr:uid="{00000000-0002-0000-0000-000012000000}">
          <x14:formula1>
            <xm:f>'\\10.224.251.10\b-40 採用班\■採用事務\インターンシップ制度\★R05実施★\02_実習部署調査\08_各局から校正OK\19_水道局●\[（校正確認用）【水道局】04_都庁インターンシップ2023実習部署調査票.xlsx]コード'!#REF!</xm:f>
          </x14:formula1>
          <xm:sqref>B41:B54 D41:D54</xm:sqref>
        </x14:dataValidation>
        <x14:dataValidation type="list" allowBlank="1" showInputMessage="1" showErrorMessage="1" xr:uid="{00000000-0002-0000-0000-000013000000}">
          <x14:formula1>
            <xm:f>'\\FV2020.kyoiku.tocho.local\総務課\任用担当\02 担当\R5吉川\23_インターンシップ\01_都庁インターンシップ\01_受入職場の設定\04_各部からの回答\03_指導部\[（指導部）04_都庁インターンシップ2023実習部署調査票 .xlsx]コード'!#REF!</xm:f>
          </x14:formula1>
          <xm:sqref>B81 D81</xm:sqref>
        </x14:dataValidation>
        <x14:dataValidation type="list" allowBlank="1" showInputMessage="1" showErrorMessage="1" xr:uid="{00000000-0002-0000-0000-000014000000}">
          <x14:formula1>
            <xm:f>'\\FV2020.kyoiku.tocho.local\総務課\任用担当\02 担当\R5吉川\23_インターンシップ\01_都庁インターンシップ\01_受入職場の設定\04_各部からの回答\06_地域部\[（生涯学習課）04_都庁インターンシップ2023実習部署調査票 .xlsx]コード'!#REF!</xm:f>
          </x14:formula1>
          <xm:sqref>B84 D84</xm:sqref>
        </x14:dataValidation>
        <x14:dataValidation type="list" allowBlank="1" showInputMessage="1" showErrorMessage="1" xr:uid="{00000000-0002-0000-0000-000015000000}">
          <x14:formula1>
            <xm:f>'C:\Users\T0530915\AppData\Local\Microsoft\Windows\INetCache\Content.Outlook\7NNQDSM2\[（グローバル人材育成部）04_都庁インターンシップ2023実習部署調査票_.xlsx]コード'!#REF!</xm:f>
          </x14:formula1>
          <xm:sqref>B83 B85 D83</xm:sqref>
        </x14:dataValidation>
        <x14:dataValidation type="list" allowBlank="1" showInputMessage="1" showErrorMessage="1" xr:uid="{00000000-0002-0000-0000-000016000000}">
          <x14:formula1>
            <xm:f>'\\10.224.251.10\b-40 採用班\■採用事務\インターンシップ制度\★R05実施★\02_実習部署調査\08_各局から校正OK\21_教育庁●\[【教育庁】（校正確認用）【集約】都庁インターンシップ2023実習部署調査票 .xlsx]コード'!#REF!</xm:f>
          </x14:formula1>
          <xm:sqref>B80 B82 B86 D80 D82 D86</xm:sqref>
        </x14:dataValidation>
        <x14:dataValidation type="list" allowBlank="1" showInputMessage="1" showErrorMessage="1" xr:uid="{00000000-0002-0000-0000-000017000000}">
          <x14:formula1>
            <xm:f>'\\10.224.251.10\b-40 採用班\■採用事務\インターンシップ制度\★R05実施★\02_実習部署調査\07_各局へ校正確認依頼\8_生活文化ス局\[★0501時点【生文ス局】都庁インターンシップ2023実習部署調査票 .xlsx]コード'!#REF!</xm:f>
          </x14:formula1>
          <xm:sqref>B69:B71 D69:D71</xm:sqref>
        </x14:dataValidation>
        <x14:dataValidation type="list" allowBlank="1" showInputMessage="1" showErrorMessage="1" xr:uid="{00000000-0002-0000-0000-000018000000}">
          <x14:formula1>
            <xm:f>'C:\Users\T0533900\AppData\Local\Microsoft\Windows\INetCache\Content.Outlook\AJUZTJAI\[【私学部】02_【生文ス局】都庁インターンシップ2023実習部署調査票_.xlsx]コード'!#REF!</xm:f>
          </x14:formula1>
          <xm:sqref>B73 D73 D76</xm:sqref>
        </x14:dataValidation>
        <x14:dataValidation type="list" allowBlank="1" showInputMessage="1" showErrorMessage="1" xr:uid="{00000000-0002-0000-0000-000019000000}">
          <x14:formula1>
            <xm:f>'C:\Users\T0533900\AppData\Local\Microsoft\Windows\INetCache\Content.Outlook\AJUZTJAI\[（国際スポーツ事業部）02_【生文ス局】都庁インターンシップ2023実習部署調査票_.xlsx]コード'!#REF!</xm:f>
          </x14:formula1>
          <xm:sqref>B77</xm:sqref>
        </x14:dataValidation>
        <x14:dataValidation type="list" allowBlank="1" showInputMessage="1" showErrorMessage="1" xr:uid="{00000000-0002-0000-0000-00001A000000}">
          <x14:formula1>
            <xm:f>'C:\Users\T0533900\AppData\Local\Microsoft\Windows\INetCache\Content.Outlook\AJUZTJAI\[（計量・本提出）02_【生文ス局】都庁インターンシップ2023実習部署調査票.xlsx]コード'!#REF!</xm:f>
          </x14:formula1>
          <xm:sqref>B79 D79</xm:sqref>
        </x14:dataValidation>
        <x14:dataValidation type="list" allowBlank="1" showInputMessage="1" showErrorMessage="1" xr:uid="{00000000-0002-0000-0000-00001B000000}">
          <x14:formula1>
            <xm:f>[02_【文化振興部】都庁インターンシップ2023実習部署調査票_.xlsx]コード!#REF!</xm:f>
          </x14:formula1>
          <xm:sqref>B74 D74</xm:sqref>
        </x14:dataValidation>
        <x14:dataValidation type="list" allowBlank="1" showInputMessage="1" showErrorMessage="1" xr:uid="{00000000-0002-0000-0000-00001C000000}">
          <x14:formula1>
            <xm:f>'[050425(消生部+センター)02_【生文ス局】都庁インターンシップ2023実習部署調査票.xlsx]コード'!#REF!</xm:f>
          </x14:formula1>
          <xm:sqref>B72 D72</xm:sqref>
        </x14:dataValidation>
        <x14:dataValidation type="list" allowBlank="1" showInputMessage="1" showErrorMessage="1" xr:uid="{00000000-0002-0000-0000-00001D000000}">
          <x14:formula1>
            <xm:f>'C:\Users\T0533900\AppData\Local\Microsoft\Windows\INetCache\Content.Outlook\AJUZTJAI\[02_【文化振興部】都庁インターンシップ2023実習部署調査票 (002).xlsx]コード'!#REF!</xm:f>
          </x14:formula1>
          <xm:sqref>B75:B76 D75 D77</xm:sqref>
        </x14:dataValidation>
        <x14:dataValidation type="list" allowBlank="1" showInputMessage="1" showErrorMessage="1" xr:uid="{00000000-0002-0000-0000-00001E000000}">
          <x14:formula1>
            <xm:f>'\\10.110.113.4\data\管理係\04.管理係個人フォルダ\波多\R05\☆処理中の案件☆\R050410～　令和５年度都庁インターンシップ実施に係る受入職場の設定について★★【4月17日〆】\R050410③～　各課からの回答\5　専門教育向上課○（受入れ可）\[04_都庁インターンシップ2023実習部署調査票 .xlsx]コード'!#REF!</xm:f>
          </x14:formula1>
          <xm:sqref>D85</xm:sqref>
        </x14:dataValidation>
        <x14:dataValidation type="list" allowBlank="1" showInputMessage="1" showErrorMessage="1" xr:uid="{00000000-0002-0000-0000-00001F000000}">
          <x14:formula1>
            <xm:f>'N:\人事課\人事担当\人材育成担当\○年度別フォルダ\R05\06 新規採用職員\04 インターンシップ\01 人事部インターンシップ\03 各部から回答\04 電車部○\[【電車部】04_都庁インターンシップ2023実習部署調査票 .xlsx]コード'!#REF!</xm:f>
          </x14:formula1>
          <xm:sqref>B124 D124</xm:sqref>
        </x14:dataValidation>
        <x14:dataValidation type="list" allowBlank="1" showInputMessage="1" showErrorMessage="1" xr:uid="{00000000-0002-0000-0000-000020000000}">
          <x14:formula1>
            <xm:f>'N:\人事課\人事担当\人材育成担当\○年度別フォルダ\R05\06 新規採用職員\04 インターンシップ\01 人事部インターンシップ\03 各部から回答\06 車電部○\[04_都庁インターンシップ2023実習部署調査票【車両電気部】.xlsx]コード'!#REF!</xm:f>
          </x14:formula1>
          <xm:sqref>B125 D125</xm:sqref>
        </x14:dataValidation>
        <x14:dataValidation type="list" allowBlank="1" showInputMessage="1" showErrorMessage="1" xr:uid="{00000000-0002-0000-0000-000021000000}">
          <x14:formula1>
            <xm:f>'N:\人事課\人事担当\人材育成担当\○年度別フォルダ\R05\06 新規採用職員\04 インターンシップ\01 人事部インターンシップ\03 各部から回答\01 総務部○\[差し替え（総務部）04_都庁インターンシップ2023実習部署調査票.xlsx]コード'!#REF!</xm:f>
          </x14:formula1>
          <xm:sqref>B126 D126</xm:sqref>
        </x14:dataValidation>
        <x14:dataValidation type="list" allowBlank="1" showInputMessage="1" showErrorMessage="1" xr:uid="{00000000-0002-0000-0000-000022000000}">
          <x14:formula1>
            <xm:f>'\\10.224.251.10\b-40 採用班\■採用事務\インターンシップ制度\★R05実施★\02_実習部署調査\08_各局から校正OK\10_住政局●\[（校正確認用）都庁インターンシップ2023実習部署調査票（住政修正）.xlsx]コード'!#REF!</xm:f>
          </x14:formula1>
          <xm:sqref>B93:B99 D93:D99</xm:sqref>
        </x14:dataValidation>
        <x14:dataValidation type="list" allowBlank="1" showInputMessage="1" showErrorMessage="1" xr:uid="{00000000-0002-0000-0000-000023000000}">
          <x14:formula1>
            <xm:f>'\\10.224.61.10\都市基盤部\20調整課\100管理担当\10管理業務\20_人事\23_インターンシップ\令和５年度\★令和５年度都庁インターンシップ\03_各課より回答\[【交通企画課とりまとめ+】04_都庁インターンシップ2023実習部署調査票 .xlsx]コード'!#REF!</xm:f>
          </x14:formula1>
          <xm:sqref>B89</xm:sqref>
        </x14:dataValidation>
        <x14:dataValidation type="list" allowBlank="1" showInputMessage="1" showErrorMessage="1" xr:uid="{00000000-0002-0000-0000-000024000000}">
          <x14:formula1>
            <xm:f>'[【企画課】都庁インターンシップ2022実習部署調査票 .xlsx]コード'!#REF!</xm:f>
          </x14:formula1>
          <xm:sqref>B90 D90</xm:sqref>
        </x14:dataValidation>
        <x14:dataValidation type="list" allowBlank="1" showInputMessage="1" showErrorMessage="1" xr:uid="{00000000-0002-0000-0000-000025000000}">
          <x14:formula1>
            <xm:f>'\\10.224.61.10\総務部\職員課\職員課共有\26　インターンシップ\R5年度\令和5年度都庁インターンシップ\20230406_受入職場の設定等について\11_各部所より回答\建築部\[【建築部・再提出】04_都庁インターンシップ2023実習部署調査票.xlsx]コード'!#REF!</xm:f>
          </x14:formula1>
          <xm:sqref>B91 D91</xm:sqref>
        </x14:dataValidation>
        <x14:dataValidation type="list" allowBlank="1" showInputMessage="1" showErrorMessage="1" xr:uid="{00000000-0002-0000-0000-000026000000}">
          <x14:formula1>
            <xm:f>'\\10.224.61.10\総務部\職員課\職員課共有\26　インターンシップ\R5年度\令和5年度都庁インターンシップ\20230406_受入職場の設定等について\11_各部所より回答\二整\[（二整）04_都庁インターンシップ2023実習部署調査票_.xlsx]コード'!#REF!</xm:f>
          </x14:formula1>
          <xm:sqref>B92 D92</xm:sqref>
        </x14:dataValidation>
        <x14:dataValidation type="list" allowBlank="1" showInputMessage="1" showErrorMessage="1" xr:uid="{00000000-0002-0000-0000-000027000000}">
          <x14:formula1>
            <xm:f>'\\10.224.251.10\b-40 採用班\■採用事務\インターンシップ制度\★R05実施★\02_実習部署調査\08_各局から校正OK\9_都市整備局○\[（校正確認用）【都整】04_都庁インターンシップ2023実習部署調査票.xlsx]コード'!#REF!</xm:f>
          </x14:formula1>
          <xm:sqref>B88 D88</xm:sqref>
        </x14:dataValidation>
        <x14:dataValidation type="list" allowBlank="1" showInputMessage="1" showErrorMessage="1" xr:uid="{00000000-0002-0000-0000-000028000000}">
          <x14:formula1>
            <xm:f>'\\10.224.251.10\b-40 採用班\■採用事務\インターンシップ制度\★R05実施★\02_実習部署調査\08_各局から校正OK\16_港湾局●\[（校正確認用）【港湾局】04_都庁インターンシップ2023実習部署調査票 .xlsx]コード'!#REF!</xm:f>
          </x14:formula1>
          <xm:sqref>D117:D123</xm:sqref>
        </x14:dataValidation>
        <x14:dataValidation type="list" allowBlank="1" showInputMessage="1" showErrorMessage="1" xr:uid="{00000000-0002-0000-0000-000029000000}">
          <x14:formula1>
            <xm:f>'\\10.224.61.10\総務部\職員課\職員課共有\26　インターンシップ\R5年度\令和5年度都庁インターンシップ\20230406_受入職場の設定等について\11_各部所より回答\基盤部\[230426【基盤部】04_都庁インターンシップ2023実習部署調査票.xlsx]コード'!#REF!</xm:f>
          </x14:formula1>
          <xm:sqref>D89</xm:sqref>
        </x14:dataValidation>
        <x14:dataValidation type="list" allowBlank="1" showInputMessage="1" showErrorMessage="1" xr:uid="{00000000-0002-0000-0000-00002A000000}">
          <x14:formula1>
            <xm:f>'\\10.224.173.2\4201総務課・企画計理課\4201jinji\003　人事（一般）\08_インターンシップ\R4年度\03人事部へ回答\[【政策企画局・回答】都庁インターンシップ2022実習部署調査票 .xlsx]コード'!#REF!</xm:f>
          </x14:formula1>
          <xm:sqref>B135 D135</xm:sqref>
        </x14:dataValidation>
        <x14:dataValidation type="list" allowBlank="1" showInputMessage="1" showErrorMessage="1" xr:uid="{00000000-0002-0000-0000-00002B000000}">
          <x14:formula1>
            <xm:f>'\\10.224.229.10\人事担当\☆令和5年度☆\060 採用・初任給決定\02_採用PR\01_都庁インターン\04_所属より\人事部\[02_（採用班・育成班）都庁インターンシップ2023実習部署調査票 .xlsx]コード'!#REF!</xm:f>
          </x14:formula1>
          <xm:sqref>B138 D138</xm:sqref>
        </x14:dataValidation>
        <x14:dataValidation type="list" allowBlank="1" showInputMessage="1" showErrorMessage="1" xr:uid="{00000000-0002-0000-0000-00002C000000}">
          <x14:formula1>
            <xm:f>'\\10.224.229.10\人事担当\☆令和5年度☆\060 採用・初任給決定\02_採用PR\01_都庁インターン\04_所属より\行政部\[（行政部）都庁インターンシップ2023実習部署調査票 .xlsx]コード'!#REF!</xm:f>
          </x14:formula1>
          <xm:sqref>B139 D139</xm:sqref>
        </x14:dataValidation>
        <x14:dataValidation type="list" allowBlank="1" showInputMessage="1" showErrorMessage="1" xr:uid="{00000000-0002-0000-0000-00002D000000}">
          <x14:formula1>
            <xm:f>'[02_（人材支援事業団_人材育成センター）都庁インターンシップ2023実習部署調査票_.xlsx]コード'!#REF!</xm:f>
          </x14:formula1>
          <xm:sqref>B141 D141</xm:sqref>
        </x14:dataValidation>
        <x14:dataValidation type="list" allowBlank="1" showInputMessage="1" showErrorMessage="1" xr:uid="{00000000-0002-0000-0000-00002E000000}">
          <x14:formula1>
            <xm:f>'[02_（人権部）都庁インターンシップ2023実習部署調査票.xlsx]コード'!#REF!</xm:f>
          </x14:formula1>
          <xm:sqref>B140 D140</xm:sqref>
        </x14:dataValidation>
        <x14:dataValidation type="list" allowBlank="1" showInputMessage="1" showErrorMessage="1" xr:uid="{00000000-0002-0000-0000-00002F000000}">
          <x14:formula1>
            <xm:f>'\\10.224.251.10\b-40 採用班\■採用事務\インターンシップ制度\★R05実施★\02_実習部署調査\08_各局から校正OK\2_子供政策連携室○\[（校正確認用）都庁インターンシップ2023実習部署調査票（子供政策連携室） .xlsx]コード'!#REF!</xm:f>
          </x14:formula1>
          <xm:sqref>B136 D136</xm:sqref>
        </x14:dataValidation>
        <x14:dataValidation type="list" allowBlank="1" showInputMessage="1" showErrorMessage="1" xr:uid="{00000000-0002-0000-0000-000030000000}">
          <x14:formula1>
            <xm:f>'\\10.224.32.2\11-40_総務部デジタル人材戦略課\03_ICT人材採用担当\20_採用イベント関連業務\10_都庁インターンシップ対応\R5\10_受入調査\20230418_推進部から回答\[（推進部）【デジICT】04_都庁インターンシップ2023実習部署調査票 .xlsx]コード'!#REF!</xm:f>
          </x14:formula1>
          <xm:sqref>D142</xm:sqref>
        </x14:dataValidation>
        <x14:dataValidation type="list" allowBlank="1" showInputMessage="1" showErrorMessage="1" xr:uid="{00000000-0002-0000-0000-000031000000}">
          <x14:formula1>
            <xm:f>'\\10.224.251.10\b-40 採用班\■採用事務\インターンシップ制度\★R05実施★\02_実習部署調査\08_各局から校正OK\7_主税局○\[（校正確認用）【主税局】04_都庁インターンシップ2023実習部署調査票.xlsx]コード'!#REF!</xm:f>
          </x14:formula1>
          <xm:sqref>D132:D133</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実習部署一覧【概要版 第1ターム】</vt:lpstr>
      <vt:lpstr>'実習部署一覧【概要版 第1ターム】'!Print_Area</vt:lpstr>
      <vt:lpstr>'実習部署一覧【概要版 第1ターム】'!Print_Titles</vt:lpstr>
    </vt:vector>
  </TitlesOfParts>
  <Company>TAIM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京都</dc:creator>
  <cp:lastModifiedBy>水嶋 麻貴</cp:lastModifiedBy>
  <cp:lastPrinted>2023-05-12T07:47:12Z</cp:lastPrinted>
  <dcterms:created xsi:type="dcterms:W3CDTF">2019-04-19T06:42:41Z</dcterms:created>
  <dcterms:modified xsi:type="dcterms:W3CDTF">2023-05-15T09:38:29Z</dcterms:modified>
</cp:coreProperties>
</file>